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3\02. Oddelenie VO\01. Prebiehajúce zákazky\06. Robo\09-99-2023 SW a HW\03. Príprava\07. PTK\01. Odoslané\"/>
    </mc:Choice>
  </mc:AlternateContent>
  <bookViews>
    <workbookView xWindow="0" yWindow="0" windowWidth="23040" windowHeight="9195"/>
  </bookViews>
  <sheets>
    <sheet name="PTK - Ponuka" sheetId="8" r:id="rId1"/>
  </sheets>
  <definedNames>
    <definedName name="_xlnm.Print_Area" localSheetId="0">'PTK - Ponuka'!$B$1:$F$120</definedName>
  </definedNames>
  <calcPr calcId="162913" iterateDelta="1E-4"/>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172" uniqueCount="159">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 xml:space="preserve">Požadovaný počet MJ za zmluvné obdobie </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60000000-8   Dopravné služby (bez prepravy odpadu)</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Týmto prehlasujem, že v PTK nami uvedený/é tovar/y v plnom rozsahu spĺňajú funkčnú špecifikáciu (t.j. účel použitia) predmetu zákazky. Zároveň prehlasujem, že v prípade, ak verejný obstarávateľ vyhlási zákazku na uvedený predmet zákazky v súlade s nami ponúkanými hodnotami uvedeného/ných tovaru/ov nie sú nám známe žiadne okolnosti, ktoré by nám bránili v účasti v predmetnej zákazky.</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t xml:space="preserve">Požadované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5.</t>
  </si>
  <si>
    <t>tovar, služba</t>
  </si>
  <si>
    <r>
      <rPr>
        <b/>
        <sz val="10"/>
        <color theme="1"/>
        <rFont val="Arial"/>
        <family val="2"/>
        <charset val="238"/>
      </rPr>
      <t>Doklad s názvom ES vyhlásenie o zhode</t>
    </r>
    <r>
      <rPr>
        <sz val="10"/>
        <color theme="1"/>
        <rFont val="Arial"/>
        <family val="2"/>
        <charset val="238"/>
      </rPr>
      <t xml:space="preserve"> a podklady k nemu, resp. iné doklady, ktoré nahrádzajú požadované potvrdenie</t>
    </r>
  </si>
  <si>
    <t>Kalkulácia ceny a návrh na plnenie kritéria na vyhodnotenie ponúk - Štruktúrovaný rozpočet ceny predmetu zákazky</t>
  </si>
  <si>
    <t>Software a hardware na vyšetrenie FFR a mikrovaskulárnej AP pomocou jedného vodiča</t>
  </si>
  <si>
    <t>33190000-8 Rôzne lekárske zariadenia a výrobky</t>
  </si>
  <si>
    <t>Kardiovaskulárny systém hodnotenia epikardiálnej a mikrovasculárnej fyziológie pre koronárnu intervenciu</t>
  </si>
  <si>
    <t>Položka č. 1 - Software a hardware na vyšetrenie FFR a mikrovaskulárnej AP pomocou jedného vodiča</t>
  </si>
  <si>
    <t>požaduje sa diagnostický systém pre vyšetrenie pacientov so zameraním na úplné srdcové meranie koronárneho prietoku krvi a mikrocirkulačného odporu za pomoci bezdrôtového vodiča</t>
  </si>
  <si>
    <t>súčasťou merania je epikardiálne - FFR, a mikrovaskulárne IMR, RRR, CFR, PB-CFR hodnotenie v jednom zariadení, využitie je bez potreby zapojenia iných systémov</t>
  </si>
  <si>
    <t>požaduje sa bezdrôtové meranie bez nutnosti kompromitovania sterility</t>
  </si>
  <si>
    <t>požaduje sa mobilné zariadenie s možnosťou využitia na viacerých katetrizačných sálach</t>
  </si>
  <si>
    <t>požaduje sa ako súčasť program na komplexné spracovanie, analýzu a archiváciu dát (CLOUD, NETWORK, EXCEL, MATLAB)</t>
  </si>
  <si>
    <r>
      <t xml:space="preserve">Potvrdenie ŠÚKL </t>
    </r>
    <r>
      <rPr>
        <sz val="10"/>
        <color theme="1"/>
        <rFont val="Arial"/>
        <family val="2"/>
        <charset val="238"/>
      </rPr>
      <t xml:space="preserve">(výstup z databázy registrovaných/evidovaných zdravotníckych pomôcok), resp. iné doklady, ktoré nahrádzajú požadované potvrdenie. </t>
    </r>
  </si>
  <si>
    <r>
      <rPr>
        <b/>
        <sz val="10"/>
        <color theme="1"/>
        <rFont val="Arial"/>
        <family val="2"/>
        <charset val="238"/>
      </rPr>
      <t>Rozhodnutie o zaradení zdravotníckej pomôcky v Zozname ŠZM spolu s prílohou</t>
    </r>
    <r>
      <rPr>
        <sz val="10"/>
        <color theme="1"/>
        <rFont val="Arial"/>
        <family val="2"/>
        <charset val="238"/>
      </rPr>
      <t xml:space="preserve">, v ktorej sú uvedené podrobnosti o zaradení ponúkaného produktu v Zozname ŠZM ku všetkým ponúkaným produktom uvedeným v Prílohe - Sortiment ponúkaného tovaru. </t>
    </r>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ríloha č. 2</t>
  </si>
  <si>
    <t>Prospektový materiál</t>
  </si>
  <si>
    <t>Poznámka:</t>
  </si>
  <si>
    <t>- povinné údaje vyplní uchádzač</t>
  </si>
  <si>
    <t>Požaduje sa uzatvorenie kúpnej zmluvy.</t>
  </si>
  <si>
    <t>Požaduje sa dodanie prístroja:</t>
  </si>
  <si>
    <t>2.1.</t>
  </si>
  <si>
    <t>do 30 pracovných dní odo dňa nadobudnutia účinnosti zmluvy (do termínu sa nezapočítavajú dni pracovného voľna, pracovného pokoja a štátne sviatky),</t>
  </si>
  <si>
    <t>2.2.</t>
  </si>
  <si>
    <t>v pracovných dňoch,</t>
  </si>
  <si>
    <t>2.3.</t>
  </si>
  <si>
    <t>v čase od 07:00 hod. do 14:30 hod.,</t>
  </si>
  <si>
    <t>2.4.</t>
  </si>
  <si>
    <t xml:space="preserve">v sídle Objednávateľa na vlastné náklady tak, aby bola zabezpečená dostatočná ochrana pred poškodením, pričom konkrétne miesto dodania - pracovisko Objednávateľa a zodpovedná osoba Objednávateľa budú Dodávateľovi písomne upresnené po uzavretí zmluvného vzťahu, </t>
  </si>
  <si>
    <t>2.5.</t>
  </si>
  <si>
    <t>po predchádzajúcom preukázateľnom upovedomení Objednávateľa minimálne 5 pracovných dní vopred tak, aby Objednávateľ mohol poskynúť potrebnú súčinnosť pri dodaní,</t>
  </si>
  <si>
    <t>2.6.</t>
  </si>
  <si>
    <t>s preberacím protokolom, ktorý musí obsahovať okrem povinných náležitostí aj číslo objednávky (ak bola vystavená), číslo kúpnej zmluvy, jednotkovú cenu príslušnej položky bez DPH, s DPH, sadzbu DPH, celkovú cenu príslušnej položky bez DPH, s DPH, ŠÚKL (ak je to relevantné).
V prípade, ak je dodávaný tovar z krajiny EÚ (okrem SR), je Dodávateľ povinný uviesť v preberacom protokole, okrem náležitostí uvedených v predchádzajúcej vete, aj:
- kód tovaru podľa aktuálne platného colného sadzobníka,
- údaj o krajine pôvodu tovaru (t. j. krajina kde bol tovar vyrobený).</t>
  </si>
  <si>
    <t>Požaduje sa vykonanie skúšky prístroja - elektrická revízia, odborná skúška prístroja v súlade s platnou legislatívou (preberacia skúška). Po úspešnom vykonaní všetkých požadovaných skúšok a odovzdaní skúšobných protokolov Objednávateľovi dôjde k prevzatiu prístroja oprávneným zápstupcom Objednávateľa.</t>
  </si>
  <si>
    <t xml:space="preserve">Prevzatie a dodanie prístroja sú zmluvné strany, resp. ich poverení zástupcovia, povinné písomne potvrdiť na dodacom liste alebo preberacom protokole. Jedna kópia dodacieho listu alebo preberacieho protokolu ostáva Objednávateľovi. V prípade uplatnenia oprávnenej výhrady Objednávateľa pri dodaní prístroja, ostáva prístroj vo vlastníctve Dodávateľa až do doby, kým Dodávateľ neodstráni prekážku, ktorá bráni Objednávateľovi prístroj riadne prevziať. Objednávateľ nadobudne vlastnícke právo k prístroju až po zaplatení celej kúpnej ceny za prístroj dohodnutú v zmluve. </t>
  </si>
  <si>
    <t>Kúpna cena prístroja zahŕňa aj služby spojené s jeho dodaním, t.j. zabezpečenie dopravy do dohodnutého miesta dodania, dopravu Dodávateľa do miesta poskytnutia služby a späť, ako aj všetky ostatné náklady Dodávateľa vynaložené v súvislosti s dodaním objednaného prístroja a/alebo poskytnutím služieb Objednávateľovi, uvedením prístroja do prevádzky (inštaláciou), zaškolením obsluhy, poskytnutím užívateľskej dokumentácie, poskytnutím softvéru a licencií, prevodom vlastníctva k prístroju na Objednávateľa, ako aj poskytovanie záručného servisu v mieste inštalácie.</t>
  </si>
  <si>
    <t>6.</t>
  </si>
  <si>
    <t>Súčasťou záväzku Dodávateľa je zároveň poskytnutie písomných dokladov potrebných pre riadne a bezchybné použitie prístroja na stanovený účel, a to najmä, no nie len výlučne: návod na použitie prístroja v slovenskom alebo českom jazyku, záručný list, preberací (akceptačný) protokol, inštalačný protokol, protokol o zaškolení zamestnancov Objednávateľa s obsluhou prístroja.</t>
  </si>
  <si>
    <t>7.</t>
  </si>
  <si>
    <t>Súčasťou dodania prístroja a/alebo dohodnutých služieb je aj povinnosť Dodávateľa odovzdať Objednávateľovi:
- zoznam a kontaktné údaje servisných stredísk Dodávateľa pre potreby plnenia zmluvy,
- kontaktné údaje na Klientske pracovisko Dodávateľa - tzv. "Hotline", "Helpdesk", "Call centrum..." pre potreby plnenia zmluvy.</t>
  </si>
  <si>
    <t>8.</t>
  </si>
  <si>
    <t xml:space="preserve">Dodávateľ poskytuje na prístroj a všetky jeho súčasti komplexnú záruku v trvaní 24 mesiacov odo dňa, kedy je prístroj uvedený do prevádzky. Uvedenie prístroja do prevádzky a začiatok plynutia záručnej doby sa potvrdí na preberacom protokole, ktorý podpíšu zmluvné strany, resp. ich poverení zástupcovia. Uvedená záručná doba sa automaticky predlžuje o dobu, po ktorú nemohol byť prístroj využívaný na účel, na ktorý je určený a to z dôvodov, na ktoré sa vzťahuje záruka. </t>
  </si>
  <si>
    <t>9.</t>
  </si>
  <si>
    <t>Komplexná záruka predstavuje súbor opatrení, ktoré bude v rámci ceny za prístroj vykonávať Dodávateľ autorizovaným servisom po dobu trvania záručnej doby na prístroj za účelom jeho bezporuchovej prevádzky a za účelom udržania všetkých parametrov uvedených v technickej špecifikácií prístroja. Objednávateľ si vyhradzuje právo, v prípade potreby, vyžiadať od Dodávateľa predloženie dokladu, prostredníctvom ktorého preukáže oprávnenosť vykonávať autorizovaný servis. Opatreniami sa rozumie najmä, nie však výlučne:</t>
  </si>
  <si>
    <t>9.1.</t>
  </si>
  <si>
    <t>oprava vád a porúch prístroja, t. j. uvedenie prístroja do stavu plnej využiteľnosti vzhľadom k jeho technickým parametrom,</t>
  </si>
  <si>
    <t>9.2.</t>
  </si>
  <si>
    <t>dodávka a výmena všetkých potrebných náhradných dielov a súčiastok v prípade ich poruchy, ktoré sami o sebe majú kratšiu dobu životnosti, alebo kratšiu záručnú dobu, ako je záručná doba poskytovaná Dodávateľom,</t>
  </si>
  <si>
    <t>9.3.</t>
  </si>
  <si>
    <t>vykonanie štandardných vylepšení prístroja odporúčaných a predpísaných výrobcom prístroja, vrátane vykonania servisných aktualizácií, t. j. servisný update softwarového vybavenia prístroja,</t>
  </si>
  <si>
    <t>9.4.</t>
  </si>
  <si>
    <t>dodávky a zabudovanie náhradných dielov, ktoré sú potrebné k riadnej a bezporuchovej prevádzke prístroja, vrátane demontáže, odvozu a likvidácie použitého a nepotrebného spotrebného materiálu a náhradných dielov,</t>
  </si>
  <si>
    <t>9.5.</t>
  </si>
  <si>
    <t>vykonanie validácií a kalibrácií prístroja (resp. jeho relevantných častí) s periodicitou podľa odporúčania výrobcu prístroja, minimálne však jedenkrát ročne,</t>
  </si>
  <si>
    <t>9.6.</t>
  </si>
  <si>
    <t>vykonanie pravidelných technických kontrol a prehliadok vo výrobcom predpísanom rozsahu a intervale podľa servisného manuálu, minimálne však jedenkrát ročne, pričom poslednú takúto kontrolu je Dodávateľ povinný vykonať mesiac pred uplynutím záručnej doby a bezplatne odstrániť všetky zistené vady a nedostatky,</t>
  </si>
  <si>
    <t>9.7.</t>
  </si>
  <si>
    <t>vykonanie ďalších servisných úkonov a činností predpísaných príslušnou právnou úpravou a aplikovateľnými normami,</t>
  </si>
  <si>
    <t>9.8.</t>
  </si>
  <si>
    <t>práce (servisné hodiny) a dojazdy servisných technikov Dodávateľa do miesta inštalácie prístroja v rámci zabezpečenia záručného servisu,</t>
  </si>
  <si>
    <t>9.9.</t>
  </si>
  <si>
    <t>vykonanie akýchkoľvek neplánovaných opráv a údržby, ktoré nevyplývajú zo servisného plánu výrobcu prístroja, ak takáto oprava je nevyhnutná za účelom zabezpečenia prevádzky prístroja, vrátane generálnej opravy,</t>
  </si>
  <si>
    <t>9.10.</t>
  </si>
  <si>
    <t xml:space="preserve">technická telefonická podpora v pracovných dňoch a zároveň poradenstvo pri prevádzkovaní prístroja prostredníctvom klientského pracoviska Dodávateľa 24 hodín denne a 7 dní v týždni, pričom Dodávateľ musí garantovať funkčnosť a prevádzku klientskeho pracoviska. </t>
  </si>
  <si>
    <t>10.</t>
  </si>
  <si>
    <t xml:space="preserve">Servisný technik Dodávateľa je povinný nastúpiť na odstránenie vady v mieste inštalácie prístroja do 24 hodín od nahlásenia v pracovný deň medzi 7:00 a 15:00 hod., resp. do 12:00 hod. nasledujúceho pracovného dňa, pokiaľ vada bola nahlásená po 15:00 hod. pracovného dňa alebo počas mimopracovného dňa. </t>
  </si>
  <si>
    <t>11.</t>
  </si>
  <si>
    <t>V prípade, ak odstránenie vady nevyžaduje príchod servisného technika Dodávateľa do miesta inštalácie prístroja, je Dodávateľ oprávnený začať odstraňovať vadu formou vzdialeného prístupu a diagnostiky v lehote najneskôr do 4 hodín od nahlásenia v pracovný deň medzi 7:00 a 15:00 hod., resp. do 12:00 hod. nasledujúceho pracovného dňa, pokiaľ vada bola nahlásená po 15:00 hod. pracovného dňa alebo počas mimopracovného dňa.</t>
  </si>
  <si>
    <t>12.</t>
  </si>
  <si>
    <t>Dodávateľ je povinný počas trvania záručnej doby odstrániť vady v nasledujúcich lehotách od nástupu na opravu:</t>
  </si>
  <si>
    <t>12.1.</t>
  </si>
  <si>
    <t>oprava vady, pri ktorej nie je potrebná dodávka náhradného dielu najneskôr do 48 hodín,</t>
  </si>
  <si>
    <t>12.2.</t>
  </si>
  <si>
    <t>oprava vady s dodávkou náhradného dielu najneskôr do 72 hodín, okrem prípadu, ak sa Objednávateľ s Dodávateľom nedohodnú inak alebo ak na výkon opravy je potrebný náhradný diel, súčiastka alebo iná vec, ktorej obstaranie alebo vykonanie trvá viac ako 72 hod.</t>
  </si>
  <si>
    <t>13.</t>
  </si>
  <si>
    <t>Dodávateľ je povinný nastúpiť na odstránenie vady a túto vadu odstrániť a uviesť prístroj do bežnej prevádzky v lehotách vyššie uvedených. V prípade nedodržania niektorej z uvedených lehôt, má Objednávateľ právo požadovať od Dodávateľa za každé jedno porušenie zmluvnú pokutu za nedodržanie lehôt spojených so zárukou v nasledujúcej výške:</t>
  </si>
  <si>
    <t>13.1.</t>
  </si>
  <si>
    <t>nedodržanie lehoty príchodu servisného technika alebo nezačatie odstraňovania vady formou vzdialeného prístupu: 50,- € (slovom: päťdesiat EUR) za každú začatú hodinu omeškania, najviac však do výšky 5% kúpnej ceny prístroja, a to pre každý jednotlivý prípad omeškania Dodávateľa,</t>
  </si>
  <si>
    <t>13.2.</t>
  </si>
  <si>
    <t>nedodržanie dohodnutých lehôt na odstránenie vady: 50,- € (slovom: päťdesiat EUR) za každú začatú hodinu omeškania, najviac však do výšky 5% kúpnej ceny prístroja, a to pre každý jednotlivý prípad omeškania Dodávateľa.</t>
  </si>
  <si>
    <t>14.</t>
  </si>
  <si>
    <t>Objednávateľ je oprávnený vadu, ktorú zistí na prístroji počas záručnej doby, nahlásiť Dodávateľovi online prostredníctvom klientského pracoviska Dodávateľa. V prípade, ak komunikačným kanálom klientského pracoviska Dodávateľa je e-mailová komunikácia, za moment nahlásenia vady sa považuje moment prijatia e-mailovej správy Dodávateľom. V prípade, ak komunikačným kanálom klientského pracoviska Dodávateľa je telefónna linka, za moment nahlásenia vady sa považuje moment spätného telefonického alebo e-mailového potvrdenia Objednávateľovi a jeho evidencia, vrátane mena oznamovateľa, telefónneho čísla pre potvrdenie a stručného opisu vady.</t>
  </si>
  <si>
    <t>15.</t>
  </si>
  <si>
    <t>V prípade použitia e-mailovej správy kvôli nedostupnosti telefónnej linky, ktorú tvrdí Objednávateľ, je Dodávateľ povinný preukázať, že telefónna linka bola dostupná, pokiaľ nebude súhlasiť s tvrdením Objednávateľa o nedostupnosti tejto linky. Dodávateľ nenesie zodpovednosť za nedostupnosť telefónnej linky v prípade, ak dôjde k výpadku poskytovaných telekomunikačných služieb a Dodávateľ túto skutočnosť preukáže Objednávateľovi. Objednávateľ je oprávnený k telefonickému hláseniu podporne nahlásiť nefunkčnosť alebo vadu prístroja tiež zaslaním e-mailovej správy na vyššie uvedenú e-mailovú adresu Dodávateľa.</t>
  </si>
  <si>
    <t>16.</t>
  </si>
  <si>
    <t>Dodávateľ nesie zodpovednosť za to, že služby servisu a údržby prístroja budú poskytované v najvyššej dostupnej kvalite tak, aby vyhovovali potrebám Objednávateľa. Služby budú poskytované s náležitou odbornou starostlivosťou a prostredníctvom osôb, ktoré majú potrebnú kvalifikáciu, autorizáciu a skúsenosti nevyhnutné na plnenie svojich povinností.</t>
  </si>
  <si>
    <t>17.</t>
  </si>
  <si>
    <t>Požaduje sa akceptovať, že platba za plnenie sa realizuje výlučne bezhotovostným platobným stykom na základe faktúry doručenej Dodávateľom, a to vždy za riadne a včas poskytnuté plnenie. Dodávateľ je povinný zaslať faktúru elektronicky na 
e-mailovú adresu: podatelna@vusch.sk. Za deň splnenia peňažného záväzku sa považuje deň odpísania dlžnej sumy z účtu Objednávateľa v prospech účtu Dodávateľa.</t>
  </si>
  <si>
    <t>18.</t>
  </si>
  <si>
    <t xml:space="preserve">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 </t>
  </si>
  <si>
    <t>19.</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20.</t>
  </si>
  <si>
    <t>Zmluvné strany sa dohodli, že sú zbavené zodpovednosti za čiastočné alebo úplné neplnenie zmluvných povinností v prípade, že toto neplnenie je v dôsledku okolností vylučujúcich zodpovednosť. Pre účely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zmluvy. Účinky odstúpenia nastanú dňom doručenia oznámenia druhej zmluvnej strane.</t>
  </si>
  <si>
    <t>21.</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ej zmluvy. Zároveň je povinný o tejto povinnosti preukázateľne poučiť aj svojich zamestnancov. Povinnosť zachovávať mlčanlivosť platí aj po skončení trvania zmluvy. V opačnom prípade Objednávateľovi zodpovedá za škodu, ktorá mu vznikla porušením tejto povinnosti.</t>
  </si>
  <si>
    <t>22.</t>
  </si>
  <si>
    <t>Požaduje sa, aby sa Dodávateľ po uzatvorení zmluvy oboznámil s Etickým kódexom obchodných partnerov Objednávateľa zverejnenom na na internetovej stránke: www.vusch.sk/eticky-kodex/. Požaduje sa dodržiavanie etických zásad uvedených 
v Etickom kódexe Objednávateľa.</t>
  </si>
  <si>
    <t>23.</t>
  </si>
  <si>
    <t>V prípade, ak sa na predmet zákazky vykonala prípravná trhová konzultácia, informácie k prípravnej trhovej konzultácie verejný obstarávateľ zverejňuje na internetovej stránke: www.vusch.sk/verejne-obstaravanie/</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11"/>
      <name val="Calibri"/>
      <family val="2"/>
      <charset val="238"/>
      <scheme val="minor"/>
    </font>
    <font>
      <sz val="8"/>
      <color theme="1"/>
      <name val="Times New Roman"/>
      <family val="1"/>
      <charset val="238"/>
    </font>
    <font>
      <sz val="9"/>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39">
    <border>
      <left/>
      <right/>
      <top/>
      <bottom/>
      <diagonal/>
    </border>
    <border>
      <left style="medium">
        <color auto="1"/>
      </left>
      <right/>
      <top style="medium">
        <color auto="1"/>
      </top>
      <bottom/>
      <diagonal/>
    </border>
    <border>
      <left/>
      <right style="medium">
        <color auto="1"/>
      </right>
      <top style="medium">
        <color auto="1"/>
      </top>
      <bottom/>
      <diagonal/>
    </border>
    <border>
      <left/>
      <right/>
      <top/>
      <bottom style="medium">
        <color auto="1"/>
      </bottom>
      <diagonal/>
    </border>
    <border>
      <left style="dotted">
        <color auto="1"/>
      </left>
      <right style="medium">
        <color auto="1"/>
      </right>
      <top style="dotted">
        <color auto="1"/>
      </top>
      <bottom style="medium">
        <color auto="1"/>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style="medium">
        <color auto="1"/>
      </left>
      <right/>
      <top/>
      <bottom style="medium">
        <color auto="1"/>
      </bottom>
      <diagonal/>
    </border>
    <border>
      <left/>
      <right/>
      <top style="medium">
        <color auto="1"/>
      </top>
      <bottom/>
      <diagonal/>
    </border>
    <border>
      <left style="thin">
        <color auto="1"/>
      </left>
      <right/>
      <top style="medium">
        <color auto="1"/>
      </top>
      <bottom/>
      <diagonal/>
    </border>
    <border>
      <left style="thin">
        <color auto="1"/>
      </left>
      <right style="dotted">
        <color auto="1"/>
      </right>
      <top style="dotted">
        <color auto="1"/>
      </top>
      <bottom style="medium">
        <color auto="1"/>
      </bottom>
      <diagonal/>
    </border>
    <border>
      <left style="dotted">
        <color auto="1"/>
      </left>
      <right/>
      <top style="dotted">
        <color auto="1"/>
      </top>
      <bottom style="medium">
        <color auto="1"/>
      </bottom>
      <diagonal/>
    </border>
    <border>
      <left/>
      <right style="medium">
        <color auto="1"/>
      </right>
      <top style="dotted">
        <color auto="1"/>
      </top>
      <bottom style="medium">
        <color auto="1"/>
      </bottom>
      <diagonal/>
    </border>
    <border>
      <left style="dotted">
        <color auto="1"/>
      </left>
      <right style="dotted">
        <color auto="1"/>
      </right>
      <top style="dotted">
        <color auto="1"/>
      </top>
      <bottom style="medium">
        <color auto="1"/>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indexed="64"/>
      </left>
      <right/>
      <top style="thin">
        <color indexed="64"/>
      </top>
      <bottom style="medium">
        <color auto="1"/>
      </bottom>
      <diagonal/>
    </border>
    <border>
      <left/>
      <right style="medium">
        <color auto="1"/>
      </right>
      <top style="thin">
        <color indexed="64"/>
      </top>
      <bottom style="medium">
        <color auto="1"/>
      </bottom>
      <diagonal/>
    </border>
    <border>
      <left style="medium">
        <color indexed="64"/>
      </left>
      <right style="thin">
        <color auto="1"/>
      </right>
      <top/>
      <bottom style="thin">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otted">
        <color auto="1"/>
      </bottom>
      <diagonal/>
    </border>
    <border>
      <left style="medium">
        <color auto="1"/>
      </left>
      <right style="thin">
        <color auto="1"/>
      </right>
      <top style="dotted">
        <color auto="1"/>
      </top>
      <bottom style="dotted">
        <color auto="1"/>
      </bottom>
      <diagonal/>
    </border>
    <border>
      <left style="medium">
        <color auto="1"/>
      </left>
      <right style="thin">
        <color auto="1"/>
      </right>
      <top style="dotted">
        <color auto="1"/>
      </top>
      <bottom style="thin">
        <color indexed="64"/>
      </bottom>
      <diagonal/>
    </border>
    <border>
      <left style="medium">
        <color auto="1"/>
      </left>
      <right style="thin">
        <color auto="1"/>
      </right>
      <top/>
      <bottom style="dotted">
        <color auto="1"/>
      </bottom>
      <diagonal/>
    </border>
    <border>
      <left style="medium">
        <color auto="1"/>
      </left>
      <right style="thin">
        <color auto="1"/>
      </right>
      <top style="thin">
        <color auto="1"/>
      </top>
      <bottom style="dotted">
        <color auto="1"/>
      </bottom>
      <diagonal/>
    </border>
    <border>
      <left style="medium">
        <color auto="1"/>
      </left>
      <right style="thin">
        <color auto="1"/>
      </right>
      <top style="dotted">
        <color auto="1"/>
      </top>
      <bottom/>
      <diagonal/>
    </border>
    <border>
      <left style="medium">
        <color auto="1"/>
      </left>
      <right style="thin">
        <color auto="1"/>
      </right>
      <top style="thin">
        <color auto="1"/>
      </top>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59">
    <xf numFmtId="0" fontId="0" fillId="0" borderId="0" xfId="0"/>
    <xf numFmtId="0" fontId="2" fillId="0" borderId="0" xfId="0" applyFont="1" applyAlignment="1">
      <alignment wrapText="1"/>
    </xf>
    <xf numFmtId="0" fontId="2" fillId="0" borderId="0" xfId="0" applyFont="1" applyAlignment="1">
      <alignment vertical="center" wrapText="1"/>
    </xf>
    <xf numFmtId="0" fontId="2" fillId="0" borderId="0" xfId="0" applyFont="1" applyAlignment="1">
      <alignment vertical="top" wrapText="1"/>
    </xf>
    <xf numFmtId="0" fontId="2" fillId="0" borderId="0" xfId="0" applyFont="1" applyAlignment="1">
      <alignment vertical="center"/>
    </xf>
    <xf numFmtId="49" fontId="5" fillId="0" borderId="0" xfId="1" applyNumberFormat="1" applyFont="1" applyBorder="1" applyAlignment="1">
      <alignment horizontal="left" vertical="top" wrapText="1"/>
    </xf>
    <xf numFmtId="0" fontId="2" fillId="0" borderId="0" xfId="0" applyFont="1" applyAlignment="1">
      <alignment horizontal="center" vertical="center" wrapText="1"/>
    </xf>
    <xf numFmtId="49" fontId="5" fillId="0" borderId="0" xfId="1" applyNumberFormat="1" applyFont="1" applyBorder="1" applyAlignment="1">
      <alignment horizontal="center" vertical="top" wrapText="1"/>
    </xf>
    <xf numFmtId="0" fontId="2" fillId="0" borderId="0" xfId="0" applyFont="1" applyAlignment="1">
      <alignment horizontal="center" wrapText="1"/>
    </xf>
    <xf numFmtId="0" fontId="2" fillId="0" borderId="0" xfId="0" applyFont="1" applyFill="1" applyAlignment="1">
      <alignment vertical="center" wrapText="1"/>
    </xf>
    <xf numFmtId="0" fontId="2" fillId="0" borderId="0" xfId="0" applyFont="1" applyFill="1" applyAlignment="1">
      <alignment wrapText="1"/>
    </xf>
    <xf numFmtId="49" fontId="7" fillId="0" borderId="0" xfId="5" applyNumberFormat="1" applyFont="1" applyAlignment="1">
      <alignment wrapText="1"/>
    </xf>
    <xf numFmtId="0" fontId="7" fillId="0" borderId="0" xfId="5" applyFont="1" applyAlignment="1">
      <alignment wrapText="1"/>
    </xf>
    <xf numFmtId="0" fontId="2" fillId="0" borderId="0" xfId="0" applyFont="1" applyFill="1" applyAlignment="1">
      <alignment horizontal="left" vertical="center" wrapText="1"/>
    </xf>
    <xf numFmtId="49" fontId="3" fillId="0" borderId="0" xfId="0" applyNumberFormat="1" applyFont="1" applyFill="1" applyAlignment="1">
      <alignment horizontal="left" vertical="center" wrapText="1"/>
    </xf>
    <xf numFmtId="0" fontId="2" fillId="0" borderId="0" xfId="0" applyFont="1" applyAlignment="1">
      <alignment horizontal="left" vertical="center" wrapText="1"/>
    </xf>
    <xf numFmtId="0" fontId="2" fillId="0" borderId="10" xfId="0" applyFont="1" applyFill="1" applyBorder="1" applyAlignment="1">
      <alignment horizontal="center" vertical="center" wrapText="1"/>
    </xf>
    <xf numFmtId="0" fontId="2" fillId="3" borderId="10" xfId="0" applyFont="1" applyFill="1" applyBorder="1" applyAlignment="1">
      <alignment horizontal="left" vertical="top" wrapText="1"/>
    </xf>
    <xf numFmtId="0" fontId="2" fillId="3" borderId="10" xfId="0" applyFont="1" applyFill="1" applyBorder="1" applyAlignment="1">
      <alignment horizontal="center" vertical="top" wrapText="1"/>
    </xf>
    <xf numFmtId="0" fontId="10" fillId="0" borderId="0" xfId="0" applyFont="1" applyAlignment="1">
      <alignment horizontal="center" vertical="top" wrapText="1"/>
    </xf>
    <xf numFmtId="0" fontId="10" fillId="0" borderId="0" xfId="0" applyFont="1" applyAlignment="1">
      <alignment horizontal="left" vertical="top" wrapText="1"/>
    </xf>
    <xf numFmtId="16" fontId="5" fillId="0" borderId="0" xfId="0" applyNumberFormat="1" applyFont="1" applyFill="1" applyAlignment="1">
      <alignment wrapText="1"/>
    </xf>
    <xf numFmtId="16" fontId="9" fillId="0" borderId="0" xfId="0" applyNumberFormat="1" applyFont="1" applyFill="1" applyAlignment="1">
      <alignment wrapText="1"/>
    </xf>
    <xf numFmtId="0" fontId="9" fillId="0" borderId="0" xfId="0" applyFont="1" applyAlignment="1">
      <alignment horizontal="center" vertical="center" wrapText="1"/>
    </xf>
    <xf numFmtId="49" fontId="2" fillId="2" borderId="15" xfId="0" applyNumberFormat="1" applyFont="1" applyFill="1" applyBorder="1" applyAlignment="1">
      <alignment horizontal="center" vertical="center" wrapText="1"/>
    </xf>
    <xf numFmtId="0" fontId="3" fillId="0" borderId="0" xfId="0" applyFont="1" applyAlignment="1">
      <alignment vertical="center"/>
    </xf>
    <xf numFmtId="49" fontId="5" fillId="0" borderId="0" xfId="1" applyNumberFormat="1" applyFont="1" applyBorder="1" applyAlignment="1">
      <alignment horizontal="left" vertical="center" wrapText="1"/>
    </xf>
    <xf numFmtId="0" fontId="4" fillId="0" borderId="10" xfId="0" applyFont="1" applyFill="1" applyBorder="1" applyAlignment="1">
      <alignment horizontal="left" vertical="center" wrapText="1"/>
    </xf>
    <xf numFmtId="0" fontId="7" fillId="0" borderId="0" xfId="5" applyFont="1" applyAlignment="1">
      <alignment horizontal="right" vertical="center" wrapText="1"/>
    </xf>
    <xf numFmtId="0" fontId="10" fillId="0" borderId="0" xfId="0" applyFont="1" applyAlignment="1">
      <alignment vertical="center" wrapText="1"/>
    </xf>
    <xf numFmtId="49" fontId="2" fillId="0" borderId="0" xfId="0" applyNumberFormat="1" applyFont="1" applyFill="1" applyAlignment="1">
      <alignment vertical="center" wrapText="1"/>
    </xf>
    <xf numFmtId="49" fontId="2" fillId="0" borderId="0" xfId="0" applyNumberFormat="1" applyFont="1" applyFill="1" applyAlignment="1">
      <alignment vertical="top" wrapText="1"/>
    </xf>
    <xf numFmtId="0" fontId="7" fillId="0" borderId="0" xfId="0" applyFont="1" applyAlignment="1">
      <alignment horizontal="right" wrapText="1"/>
    </xf>
    <xf numFmtId="0" fontId="7" fillId="0" borderId="0" xfId="0" applyNumberFormat="1" applyFont="1" applyBorder="1" applyAlignment="1">
      <alignment wrapText="1"/>
    </xf>
    <xf numFmtId="0" fontId="7" fillId="0" borderId="0" xfId="0" applyFont="1" applyAlignment="1">
      <alignment horizontal="right"/>
    </xf>
    <xf numFmtId="0" fontId="7" fillId="0" borderId="0" xfId="0" applyFont="1" applyAlignment="1">
      <alignment wrapText="1"/>
    </xf>
    <xf numFmtId="0" fontId="12" fillId="0" borderId="19" xfId="0" applyFont="1" applyBorder="1" applyAlignment="1">
      <alignment wrapText="1"/>
    </xf>
    <xf numFmtId="0" fontId="7" fillId="0" borderId="0" xfId="0" applyFont="1" applyAlignment="1">
      <alignment horizontal="right" vertical="center"/>
    </xf>
    <xf numFmtId="0" fontId="7" fillId="0" borderId="0" xfId="0" applyFont="1" applyAlignment="1">
      <alignment horizontal="right" vertical="center" wrapText="1"/>
    </xf>
    <xf numFmtId="0" fontId="2" fillId="0" borderId="0" xfId="0" applyFont="1" applyFill="1" applyAlignment="1">
      <alignment horizontal="center" vertical="center" wrapText="1"/>
    </xf>
    <xf numFmtId="16" fontId="5" fillId="0" borderId="0" xfId="0" applyNumberFormat="1" applyFont="1" applyFill="1" applyAlignment="1">
      <alignment vertical="top" wrapText="1"/>
    </xf>
    <xf numFmtId="0" fontId="4" fillId="0" borderId="0" xfId="0" applyNumberFormat="1" applyFont="1" applyAlignment="1">
      <alignment horizontal="left" vertical="top" wrapText="1"/>
    </xf>
    <xf numFmtId="0" fontId="7" fillId="2" borderId="10" xfId="5" applyFont="1" applyFill="1" applyBorder="1" applyAlignment="1">
      <alignment horizontal="right" vertical="center" wrapText="1"/>
    </xf>
    <xf numFmtId="0" fontId="11" fillId="2" borderId="10" xfId="0" applyNumberFormat="1" applyFont="1" applyFill="1" applyBorder="1" applyAlignment="1">
      <alignment horizontal="left" vertical="center" wrapText="1"/>
    </xf>
    <xf numFmtId="0" fontId="7" fillId="2" borderId="10" xfId="0" applyNumberFormat="1" applyFont="1" applyFill="1" applyBorder="1" applyAlignment="1">
      <alignment horizontal="left" vertical="center" wrapText="1"/>
    </xf>
    <xf numFmtId="0" fontId="4" fillId="0" borderId="20" xfId="0" applyFont="1" applyFill="1" applyBorder="1" applyAlignment="1">
      <alignment horizontal="left" vertical="center" wrapText="1"/>
    </xf>
    <xf numFmtId="16" fontId="5"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0" fontId="2" fillId="0" borderId="10" xfId="0" applyFont="1" applyFill="1" applyBorder="1" applyAlignment="1">
      <alignment vertical="center" wrapText="1"/>
    </xf>
    <xf numFmtId="0" fontId="13" fillId="0" borderId="10" xfId="0" applyFont="1" applyFill="1" applyBorder="1" applyAlignment="1">
      <alignment horizontal="center" vertical="center" wrapText="1"/>
    </xf>
    <xf numFmtId="16" fontId="5" fillId="0" borderId="0" xfId="0" applyNumberFormat="1" applyFont="1" applyFill="1" applyAlignment="1">
      <alignment horizontal="left" vertical="top" wrapText="1"/>
    </xf>
    <xf numFmtId="49" fontId="2" fillId="0" borderId="8" xfId="0" applyNumberFormat="1" applyFont="1" applyFill="1" applyBorder="1" applyAlignment="1">
      <alignment horizontal="center" vertical="center" wrapText="1"/>
    </xf>
    <xf numFmtId="0" fontId="2" fillId="0" borderId="10" xfId="0" applyNumberFormat="1" applyFont="1" applyBorder="1" applyAlignment="1">
      <alignment horizontal="center" vertical="center" wrapText="1"/>
    </xf>
    <xf numFmtId="0" fontId="2" fillId="0" borderId="20" xfId="0" applyNumberFormat="1" applyFont="1" applyBorder="1" applyAlignment="1">
      <alignment horizontal="center" vertical="center" wrapText="1"/>
    </xf>
    <xf numFmtId="49" fontId="2" fillId="0" borderId="22" xfId="0" applyNumberFormat="1" applyFont="1" applyFill="1" applyBorder="1" applyAlignment="1">
      <alignment horizontal="center" vertical="center" wrapText="1"/>
    </xf>
    <xf numFmtId="0" fontId="7" fillId="0" borderId="23" xfId="0" applyNumberFormat="1" applyFont="1" applyBorder="1" applyAlignment="1">
      <alignment horizontal="center" vertical="center" wrapText="1"/>
    </xf>
    <xf numFmtId="49" fontId="2" fillId="0" borderId="11" xfId="0" applyNumberFormat="1" applyFont="1" applyFill="1" applyBorder="1" applyAlignment="1">
      <alignment horizontal="center" vertical="center" wrapText="1"/>
    </xf>
    <xf numFmtId="0" fontId="7" fillId="0" borderId="20" xfId="0" applyNumberFormat="1" applyFont="1" applyBorder="1" applyAlignment="1">
      <alignment horizontal="center" vertical="center" wrapText="1"/>
    </xf>
    <xf numFmtId="49" fontId="2" fillId="0" borderId="8" xfId="0" applyNumberFormat="1" applyFont="1" applyBorder="1" applyAlignment="1">
      <alignment horizontal="center" vertical="center"/>
    </xf>
    <xf numFmtId="49" fontId="4" fillId="0" borderId="5" xfId="0" applyNumberFormat="1" applyFont="1" applyFill="1" applyBorder="1" applyAlignment="1">
      <alignment vertical="center" wrapText="1"/>
    </xf>
    <xf numFmtId="0" fontId="2" fillId="0" borderId="23" xfId="0" applyFont="1" applyFill="1" applyBorder="1" applyAlignment="1">
      <alignment horizontal="left" vertical="center" wrapText="1"/>
    </xf>
    <xf numFmtId="49" fontId="2" fillId="0" borderId="11" xfId="0" applyNumberFormat="1" applyFont="1" applyBorder="1" applyAlignment="1">
      <alignment horizontal="center" vertical="center"/>
    </xf>
    <xf numFmtId="49" fontId="4" fillId="0" borderId="25" xfId="0" applyNumberFormat="1" applyFont="1" applyFill="1" applyBorder="1" applyAlignment="1">
      <alignment vertical="center" wrapText="1"/>
    </xf>
    <xf numFmtId="49" fontId="2" fillId="0" borderId="27" xfId="0" applyNumberFormat="1" applyFont="1" applyFill="1" applyBorder="1" applyAlignment="1">
      <alignment horizontal="center" vertical="center" wrapText="1"/>
    </xf>
    <xf numFmtId="0" fontId="7" fillId="0" borderId="28" xfId="0" applyNumberFormat="1" applyFont="1" applyBorder="1" applyAlignment="1">
      <alignment horizontal="center" vertical="center" wrapText="1"/>
    </xf>
    <xf numFmtId="0" fontId="3" fillId="0" borderId="10" xfId="0" applyFont="1" applyFill="1" applyBorder="1" applyAlignment="1">
      <alignment horizontal="left" vertical="center" wrapText="1"/>
    </xf>
    <xf numFmtId="0" fontId="2" fillId="0" borderId="20" xfId="0" applyFont="1" applyFill="1" applyBorder="1" applyAlignment="1">
      <alignment horizontal="left" vertical="top" wrapText="1"/>
    </xf>
    <xf numFmtId="0" fontId="3" fillId="0" borderId="28" xfId="0" applyFont="1" applyFill="1" applyBorder="1" applyAlignment="1">
      <alignment horizontal="left" vertical="center" wrapText="1"/>
    </xf>
    <xf numFmtId="49" fontId="4" fillId="2" borderId="15" xfId="0" applyNumberFormat="1" applyFont="1" applyFill="1" applyBorder="1" applyAlignment="1">
      <alignment horizontal="center" vertical="center" wrapText="1"/>
    </xf>
    <xf numFmtId="0" fontId="7" fillId="0" borderId="0" xfId="5" applyFont="1" applyAlignment="1" applyProtection="1">
      <alignment wrapText="1"/>
      <protection locked="0"/>
    </xf>
    <xf numFmtId="0" fontId="7" fillId="0" borderId="0" xfId="5" applyFont="1" applyAlignment="1" applyProtection="1">
      <alignment horizontal="center" vertical="top"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30" xfId="0" applyFont="1" applyFill="1" applyBorder="1" applyAlignment="1" applyProtection="1">
      <alignment wrapText="1"/>
      <protection locked="0"/>
    </xf>
    <xf numFmtId="0" fontId="14" fillId="0" borderId="0" xfId="0" applyFont="1" applyAlignment="1" applyProtection="1">
      <alignment horizontal="left" vertical="center"/>
      <protection locked="0"/>
    </xf>
    <xf numFmtId="0" fontId="15" fillId="0" borderId="0" xfId="6" applyFont="1" applyAlignment="1" applyProtection="1">
      <alignment horizontal="left"/>
      <protection locked="0"/>
    </xf>
    <xf numFmtId="0" fontId="15" fillId="0" borderId="0" xfId="6" applyFont="1" applyAlignment="1" applyProtection="1">
      <alignment horizontal="center"/>
      <protection locked="0"/>
    </xf>
    <xf numFmtId="0" fontId="15" fillId="0" borderId="0" xfId="6" applyFont="1" applyFill="1" applyBorder="1" applyProtection="1">
      <protection locked="0"/>
    </xf>
    <xf numFmtId="164" fontId="15" fillId="0" borderId="0" xfId="6" applyNumberFormat="1" applyFont="1" applyAlignment="1" applyProtection="1">
      <alignment horizontal="right"/>
      <protection locked="0"/>
    </xf>
    <xf numFmtId="0" fontId="15" fillId="0" borderId="0" xfId="6" applyFont="1" applyProtection="1">
      <protection locked="0"/>
    </xf>
    <xf numFmtId="49" fontId="2" fillId="0" borderId="8" xfId="0" applyNumberFormat="1" applyFont="1" applyBorder="1" applyAlignment="1">
      <alignment horizontal="center" vertical="center" wrapText="1"/>
    </xf>
    <xf numFmtId="49" fontId="2" fillId="6" borderId="31" xfId="0" applyNumberFormat="1" applyFont="1" applyFill="1" applyBorder="1" applyAlignment="1">
      <alignment horizontal="center" vertical="center" wrapText="1"/>
    </xf>
    <xf numFmtId="49" fontId="2" fillId="6" borderId="32" xfId="0" applyNumberFormat="1" applyFont="1" applyFill="1" applyBorder="1" applyAlignment="1">
      <alignment horizontal="right" vertical="center" wrapText="1"/>
    </xf>
    <xf numFmtId="49" fontId="2" fillId="6" borderId="33" xfId="0" applyNumberFormat="1" applyFont="1" applyFill="1" applyBorder="1" applyAlignment="1">
      <alignment horizontal="right" vertical="center" wrapText="1"/>
    </xf>
    <xf numFmtId="49" fontId="2" fillId="6" borderId="34" xfId="0" applyNumberFormat="1" applyFont="1" applyFill="1" applyBorder="1" applyAlignment="1">
      <alignment horizontal="right" vertical="center" wrapText="1"/>
    </xf>
    <xf numFmtId="49" fontId="2" fillId="0" borderId="35" xfId="0" applyNumberFormat="1" applyFont="1" applyFill="1" applyBorder="1" applyAlignment="1">
      <alignment horizontal="center" vertical="center" wrapText="1"/>
    </xf>
    <xf numFmtId="49" fontId="2" fillId="0" borderId="33" xfId="0" applyNumberFormat="1" applyFont="1" applyFill="1" applyBorder="1" applyAlignment="1">
      <alignment horizontal="right" vertical="center" wrapText="1"/>
    </xf>
    <xf numFmtId="49" fontId="2" fillId="6" borderId="8" xfId="0" applyNumberFormat="1" applyFont="1" applyFill="1" applyBorder="1" applyAlignment="1">
      <alignment horizontal="center" vertical="center" wrapText="1"/>
    </xf>
    <xf numFmtId="49" fontId="2" fillId="0" borderId="36" xfId="0" applyNumberFormat="1" applyFont="1" applyFill="1" applyBorder="1" applyAlignment="1">
      <alignment horizontal="center" vertical="center" wrapText="1"/>
    </xf>
    <xf numFmtId="49" fontId="2" fillId="0" borderId="37" xfId="0" applyNumberFormat="1" applyFont="1" applyFill="1" applyBorder="1" applyAlignment="1">
      <alignment horizontal="right" vertical="center" wrapText="1"/>
    </xf>
    <xf numFmtId="49" fontId="2" fillId="0" borderId="38" xfId="0" applyNumberFormat="1" applyFont="1" applyFill="1" applyBorder="1" applyAlignment="1">
      <alignment horizontal="center" vertical="center" wrapText="1"/>
    </xf>
    <xf numFmtId="0" fontId="14" fillId="0" borderId="0" xfId="0" applyFont="1" applyAlignment="1" applyProtection="1">
      <alignment horizontal="left"/>
      <protection locked="0"/>
    </xf>
    <xf numFmtId="0" fontId="2" fillId="0" borderId="10" xfId="0" applyFont="1" applyFill="1" applyBorder="1" applyAlignment="1">
      <alignment horizontal="left" vertical="center" wrapText="1"/>
    </xf>
    <xf numFmtId="0" fontId="2" fillId="0" borderId="9" xfId="0" applyFont="1" applyFill="1" applyBorder="1" applyAlignment="1">
      <alignment horizontal="left" vertical="center" wrapText="1"/>
    </xf>
    <xf numFmtId="0" fontId="2" fillId="0" borderId="28" xfId="0" applyFont="1" applyFill="1" applyBorder="1" applyAlignment="1">
      <alignment horizontal="left" vertical="center" wrapText="1"/>
    </xf>
    <xf numFmtId="0" fontId="2" fillId="0" borderId="29" xfId="0" applyFont="1" applyFill="1" applyBorder="1" applyAlignment="1">
      <alignment horizontal="left" vertical="center" wrapText="1"/>
    </xf>
    <xf numFmtId="0" fontId="12" fillId="0" borderId="7" xfId="0" applyFont="1" applyBorder="1" applyAlignment="1">
      <alignment horizontal="center"/>
    </xf>
    <xf numFmtId="0" fontId="11" fillId="0" borderId="0" xfId="0" applyNumberFormat="1" applyFont="1" applyBorder="1" applyAlignment="1">
      <alignment horizontal="left" vertical="center" wrapText="1"/>
    </xf>
    <xf numFmtId="0" fontId="7" fillId="0" borderId="0" xfId="0" applyNumberFormat="1" applyFont="1" applyBorder="1" applyAlignment="1">
      <alignment horizontal="left" vertical="center" wrapText="1"/>
    </xf>
    <xf numFmtId="0" fontId="7" fillId="0" borderId="0" xfId="5" applyFont="1" applyAlignment="1">
      <alignment horizontal="center" vertical="top" wrapText="1"/>
    </xf>
    <xf numFmtId="49" fontId="5" fillId="5" borderId="1" xfId="0" applyNumberFormat="1" applyFont="1" applyFill="1" applyBorder="1" applyAlignment="1">
      <alignment horizontal="left" vertical="center" wrapText="1"/>
    </xf>
    <xf numFmtId="49" fontId="5" fillId="5" borderId="13" xfId="0" applyNumberFormat="1" applyFont="1" applyFill="1" applyBorder="1" applyAlignment="1">
      <alignment horizontal="left" vertical="center" wrapText="1"/>
    </xf>
    <xf numFmtId="49" fontId="5" fillId="5" borderId="2" xfId="0" applyNumberFormat="1" applyFont="1" applyFill="1" applyBorder="1" applyAlignment="1">
      <alignment horizontal="left" vertical="center" wrapText="1"/>
    </xf>
    <xf numFmtId="0" fontId="2" fillId="0" borderId="0" xfId="0" applyFont="1" applyFill="1" applyAlignment="1">
      <alignment horizontal="center" vertical="top" wrapText="1"/>
    </xf>
    <xf numFmtId="0" fontId="3" fillId="4" borderId="0" xfId="0" applyFont="1" applyFill="1" applyAlignment="1">
      <alignment horizontal="center" vertical="center" wrapText="1"/>
    </xf>
    <xf numFmtId="16" fontId="3" fillId="0" borderId="0" xfId="0" applyNumberFormat="1" applyFont="1" applyFill="1" applyAlignment="1">
      <alignment horizontal="left" vertical="top" wrapText="1"/>
    </xf>
    <xf numFmtId="0" fontId="4" fillId="0" borderId="0" xfId="0" applyNumberFormat="1" applyFont="1" applyFill="1" applyAlignment="1">
      <alignment horizontal="left" vertical="top" wrapText="1"/>
    </xf>
    <xf numFmtId="16" fontId="5" fillId="0" borderId="0" xfId="0" applyNumberFormat="1" applyFont="1" applyFill="1" applyAlignment="1">
      <alignment horizontal="left" vertical="top" wrapText="1"/>
    </xf>
    <xf numFmtId="0" fontId="2" fillId="3" borderId="5" xfId="0" applyFont="1" applyFill="1" applyBorder="1" applyAlignment="1">
      <alignment horizontal="left" vertical="top" wrapText="1"/>
    </xf>
    <xf numFmtId="0" fontId="2" fillId="3" borderId="6" xfId="0" applyFont="1" applyFill="1" applyBorder="1" applyAlignment="1">
      <alignment horizontal="left" vertical="top" wrapText="1"/>
    </xf>
    <xf numFmtId="0" fontId="3" fillId="0" borderId="0" xfId="0" applyFont="1" applyFill="1" applyAlignment="1">
      <alignment horizontal="left" vertical="center" wrapText="1"/>
    </xf>
    <xf numFmtId="0" fontId="8" fillId="0" borderId="0" xfId="0" applyFont="1" applyFill="1" applyAlignment="1">
      <alignment horizontal="left" vertical="center" wrapText="1"/>
    </xf>
    <xf numFmtId="49" fontId="2" fillId="0" borderId="20" xfId="0" applyNumberFormat="1" applyFont="1" applyBorder="1" applyAlignment="1">
      <alignment horizontal="center" vertical="center" wrapText="1"/>
    </xf>
    <xf numFmtId="49" fontId="2" fillId="0" borderId="21" xfId="0" applyNumberFormat="1" applyFont="1" applyBorder="1" applyAlignment="1">
      <alignment horizontal="center" vertical="center" wrapText="1"/>
    </xf>
    <xf numFmtId="49" fontId="5" fillId="5" borderId="22" xfId="0" applyNumberFormat="1" applyFont="1" applyFill="1" applyBorder="1" applyAlignment="1">
      <alignment horizontal="left" vertical="center" wrapText="1"/>
    </xf>
    <xf numFmtId="49" fontId="5" fillId="5" borderId="23" xfId="0" applyNumberFormat="1" applyFont="1" applyFill="1" applyBorder="1" applyAlignment="1">
      <alignment horizontal="left" vertical="center" wrapText="1"/>
    </xf>
    <xf numFmtId="49" fontId="5" fillId="5" borderId="24" xfId="0" applyNumberFormat="1" applyFont="1" applyFill="1" applyBorder="1" applyAlignment="1">
      <alignment horizontal="left" vertical="center" wrapText="1"/>
    </xf>
    <xf numFmtId="49" fontId="2" fillId="0" borderId="10" xfId="0" applyNumberFormat="1" applyFont="1" applyBorder="1" applyAlignment="1">
      <alignment horizontal="left" vertical="center" wrapText="1"/>
    </xf>
    <xf numFmtId="49" fontId="2" fillId="0" borderId="9" xfId="0" applyNumberFormat="1" applyFont="1" applyBorder="1" applyAlignment="1">
      <alignment horizontal="left" vertical="center" wrapText="1"/>
    </xf>
    <xf numFmtId="0" fontId="4" fillId="0" borderId="5" xfId="0" applyFont="1" applyFill="1" applyBorder="1" applyAlignment="1">
      <alignment horizontal="left" vertical="center" wrapText="1"/>
    </xf>
    <xf numFmtId="0" fontId="4" fillId="0" borderId="6" xfId="0" applyFont="1" applyFill="1" applyBorder="1" applyAlignment="1">
      <alignment horizontal="left" vertical="center" wrapText="1"/>
    </xf>
    <xf numFmtId="49" fontId="5" fillId="2" borderId="1" xfId="0" applyNumberFormat="1" applyFont="1" applyFill="1" applyBorder="1" applyAlignment="1">
      <alignment horizontal="left" vertical="top" wrapText="1"/>
    </xf>
    <xf numFmtId="49" fontId="5" fillId="2" borderId="13" xfId="0" applyNumberFormat="1" applyFont="1" applyFill="1" applyBorder="1" applyAlignment="1">
      <alignment horizontal="left" vertical="top" wrapText="1"/>
    </xf>
    <xf numFmtId="49" fontId="5" fillId="2" borderId="12" xfId="0" applyNumberFormat="1" applyFont="1" applyFill="1" applyBorder="1" applyAlignment="1">
      <alignment horizontal="left" vertical="top" wrapText="1"/>
    </xf>
    <xf numFmtId="49" fontId="5" fillId="2" borderId="3" xfId="0" applyNumberFormat="1" applyFont="1" applyFill="1" applyBorder="1" applyAlignment="1">
      <alignment horizontal="left" vertical="top" wrapText="1"/>
    </xf>
    <xf numFmtId="0" fontId="4" fillId="0" borderId="0" xfId="0" applyFont="1" applyFill="1" applyAlignment="1">
      <alignment horizontal="left" vertical="top" wrapText="1"/>
    </xf>
    <xf numFmtId="49" fontId="2" fillId="0" borderId="10" xfId="0" applyNumberFormat="1" applyFont="1" applyBorder="1" applyAlignment="1">
      <alignment horizontal="center" vertical="center" wrapText="1"/>
    </xf>
    <xf numFmtId="49" fontId="2" fillId="0" borderId="9" xfId="0" applyNumberFormat="1" applyFont="1" applyBorder="1" applyAlignment="1">
      <alignment horizontal="center" vertical="center" wrapText="1"/>
    </xf>
    <xf numFmtId="49" fontId="4" fillId="0" borderId="0" xfId="0" applyNumberFormat="1" applyFont="1" applyFill="1" applyAlignment="1">
      <alignment horizontal="left" vertical="top" wrapText="1"/>
    </xf>
    <xf numFmtId="0" fontId="5" fillId="2" borderId="14" xfId="0" applyFont="1" applyFill="1" applyBorder="1" applyAlignment="1">
      <alignment horizontal="center" vertical="top" wrapText="1"/>
    </xf>
    <xf numFmtId="0" fontId="5" fillId="2" borderId="13" xfId="0" applyFont="1" applyFill="1" applyBorder="1" applyAlignment="1">
      <alignment horizontal="center" vertical="top" wrapText="1"/>
    </xf>
    <xf numFmtId="0" fontId="5" fillId="2" borderId="2" xfId="0" applyFont="1" applyFill="1" applyBorder="1" applyAlignment="1">
      <alignment horizontal="center" vertical="top" wrapText="1"/>
    </xf>
    <xf numFmtId="49" fontId="4" fillId="2" borderId="16" xfId="0" applyNumberFormat="1" applyFont="1" applyFill="1" applyBorder="1" applyAlignment="1">
      <alignment horizontal="center" vertical="center" wrapText="1"/>
    </xf>
    <xf numFmtId="49" fontId="4" fillId="2" borderId="17" xfId="0" applyNumberFormat="1" applyFont="1" applyFill="1" applyBorder="1" applyAlignment="1">
      <alignment horizontal="center" vertical="center" wrapText="1"/>
    </xf>
    <xf numFmtId="0" fontId="2" fillId="0" borderId="0" xfId="0" applyFont="1" applyAlignment="1">
      <alignment horizontal="left" wrapText="1"/>
    </xf>
    <xf numFmtId="49" fontId="3" fillId="0" borderId="0" xfId="0" applyNumberFormat="1" applyFont="1" applyFill="1" applyAlignment="1">
      <alignment horizontal="left" vertical="center" wrapText="1"/>
    </xf>
    <xf numFmtId="49" fontId="4" fillId="0" borderId="0" xfId="1" applyNumberFormat="1" applyFont="1" applyBorder="1" applyAlignment="1">
      <alignment horizontal="left" vertical="top" wrapText="1"/>
    </xf>
    <xf numFmtId="0" fontId="6" fillId="0" borderId="0" xfId="4" applyFont="1" applyAlignment="1">
      <alignment horizontal="left" vertical="center" wrapText="1"/>
    </xf>
    <xf numFmtId="0" fontId="11" fillId="0" borderId="0" xfId="5" applyFont="1" applyAlignment="1">
      <alignment horizontal="center" vertical="center" wrapText="1"/>
    </xf>
    <xf numFmtId="0" fontId="2" fillId="0" borderId="25" xfId="0" applyFont="1" applyFill="1" applyBorder="1" applyAlignment="1">
      <alignment horizontal="left" vertical="center" wrapText="1"/>
    </xf>
    <xf numFmtId="0" fontId="2" fillId="0" borderId="26" xfId="0" applyFont="1" applyFill="1" applyBorder="1" applyAlignment="1">
      <alignment horizontal="left" vertical="center" wrapText="1"/>
    </xf>
    <xf numFmtId="49" fontId="3" fillId="2" borderId="1" xfId="0" applyNumberFormat="1" applyFont="1" applyFill="1" applyBorder="1" applyAlignment="1">
      <alignment horizontal="left" vertical="top" wrapText="1"/>
    </xf>
    <xf numFmtId="49" fontId="3" fillId="2" borderId="13" xfId="0" applyNumberFormat="1" applyFont="1" applyFill="1" applyBorder="1" applyAlignment="1">
      <alignment horizontal="left" vertical="top" wrapText="1"/>
    </xf>
    <xf numFmtId="49" fontId="3" fillId="2" borderId="12" xfId="0" applyNumberFormat="1" applyFont="1" applyFill="1" applyBorder="1" applyAlignment="1">
      <alignment horizontal="left" vertical="top" wrapText="1"/>
    </xf>
    <xf numFmtId="49" fontId="3" fillId="2" borderId="3" xfId="0" applyNumberFormat="1" applyFont="1" applyFill="1" applyBorder="1" applyAlignment="1">
      <alignment horizontal="left" vertical="top" wrapText="1"/>
    </xf>
    <xf numFmtId="0" fontId="3" fillId="2" borderId="14" xfId="0" applyFont="1" applyFill="1" applyBorder="1" applyAlignment="1">
      <alignment horizontal="center" vertical="top" wrapText="1"/>
    </xf>
    <xf numFmtId="0" fontId="3" fillId="2" borderId="13" xfId="0" applyFont="1" applyFill="1" applyBorder="1" applyAlignment="1">
      <alignment horizontal="center" vertical="top" wrapText="1"/>
    </xf>
    <xf numFmtId="0" fontId="3" fillId="2" borderId="2" xfId="0" applyFont="1" applyFill="1" applyBorder="1" applyAlignment="1">
      <alignment horizontal="center" vertical="top" wrapText="1"/>
    </xf>
    <xf numFmtId="49" fontId="2" fillId="2" borderId="18" xfId="0" applyNumberFormat="1" applyFont="1" applyFill="1" applyBorder="1" applyAlignment="1">
      <alignment horizontal="center" vertical="center" wrapText="1"/>
    </xf>
    <xf numFmtId="49" fontId="2" fillId="2" borderId="4" xfId="0" applyNumberFormat="1" applyFont="1" applyFill="1" applyBorder="1" applyAlignment="1">
      <alignment horizontal="center" vertical="center" wrapText="1"/>
    </xf>
    <xf numFmtId="0" fontId="2" fillId="0" borderId="0" xfId="0" applyFont="1" applyFill="1" applyAlignment="1">
      <alignment horizontal="center" vertical="center" wrapText="1"/>
    </xf>
    <xf numFmtId="0" fontId="3" fillId="0" borderId="0" xfId="0" applyFont="1" applyAlignment="1">
      <alignment horizontal="center" vertical="center"/>
    </xf>
    <xf numFmtId="0" fontId="2" fillId="0" borderId="23" xfId="0" applyFont="1" applyFill="1" applyBorder="1" applyAlignment="1">
      <alignment horizontal="left" vertical="center" wrapText="1"/>
    </xf>
    <xf numFmtId="0" fontId="2" fillId="0" borderId="24" xfId="0" applyFont="1" applyFill="1" applyBorder="1" applyAlignment="1">
      <alignment horizontal="left" vertical="center" wrapText="1"/>
    </xf>
    <xf numFmtId="49" fontId="4" fillId="2" borderId="18" xfId="0" applyNumberFormat="1" applyFont="1" applyFill="1" applyBorder="1" applyAlignment="1">
      <alignment horizontal="center" vertical="center" wrapText="1"/>
    </xf>
    <xf numFmtId="49" fontId="4" fillId="2" borderId="4" xfId="0" applyNumberFormat="1" applyFont="1" applyFill="1" applyBorder="1" applyAlignment="1">
      <alignment horizontal="center" vertical="center" wrapText="1"/>
    </xf>
    <xf numFmtId="0" fontId="4" fillId="0" borderId="0" xfId="0" applyFont="1" applyAlignment="1">
      <alignment horizontal="left" vertical="top" wrapText="1"/>
    </xf>
    <xf numFmtId="0" fontId="2" fillId="0" borderId="20" xfId="0" applyFont="1" applyFill="1" applyBorder="1" applyAlignment="1">
      <alignment horizontal="left" vertical="center" wrapText="1"/>
    </xf>
    <xf numFmtId="0" fontId="2" fillId="0" borderId="21" xfId="0" applyFont="1" applyFill="1" applyBorder="1" applyAlignment="1">
      <alignment horizontal="left" vertical="center" wrapText="1"/>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26">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0</xdr:row>
          <xdr:rowOff>9525</xdr:rowOff>
        </xdr:from>
        <xdr:to>
          <xdr:col>1</xdr:col>
          <xdr:colOff>885825</xdr:colOff>
          <xdr:row>30</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1</xdr:row>
          <xdr:rowOff>0</xdr:rowOff>
        </xdr:from>
        <xdr:to>
          <xdr:col>1</xdr:col>
          <xdr:colOff>885825</xdr:colOff>
          <xdr:row>31</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sheetPr>
  <dimension ref="A1:O136"/>
  <sheetViews>
    <sheetView showGridLines="0" tabSelected="1" zoomScaleNormal="100" workbookViewId="0"/>
  </sheetViews>
  <sheetFormatPr defaultRowHeight="12.75" x14ac:dyDescent="0.2"/>
  <cols>
    <col min="1" max="1" width="4" style="1" customWidth="1"/>
    <col min="2" max="2" width="13.5703125" style="1" customWidth="1"/>
    <col min="3" max="3" width="70.42578125" style="1" customWidth="1"/>
    <col min="4" max="4" width="16.42578125" style="8" customWidth="1"/>
    <col min="5" max="5" width="13.7109375" style="8" customWidth="1"/>
    <col min="6" max="6" width="19.7109375" style="2" customWidth="1"/>
    <col min="7" max="7" width="17.140625" style="1" customWidth="1"/>
    <col min="8" max="8" width="9.140625" style="1"/>
    <col min="9" max="9" width="9.140625" style="1" customWidth="1"/>
    <col min="10" max="16384" width="9.140625" style="1"/>
  </cols>
  <sheetData>
    <row r="1" spans="2:6" ht="24" customHeight="1" x14ac:dyDescent="0.2">
      <c r="B1" s="151" t="s">
        <v>45</v>
      </c>
      <c r="C1" s="151"/>
      <c r="D1" s="151"/>
      <c r="E1" s="151"/>
      <c r="F1" s="151"/>
    </row>
    <row r="2" spans="2:6" s="10" customFormat="1" ht="27.75" customHeight="1" x14ac:dyDescent="0.2">
      <c r="B2" s="150" t="s">
        <v>43</v>
      </c>
      <c r="C2" s="150"/>
      <c r="D2" s="150"/>
      <c r="E2" s="150"/>
      <c r="F2" s="150"/>
    </row>
    <row r="3" spans="2:6" s="10" customFormat="1" ht="54.75" customHeight="1" x14ac:dyDescent="0.2">
      <c r="B3" s="103" t="s">
        <v>49</v>
      </c>
      <c r="C3" s="103"/>
      <c r="D3" s="103"/>
      <c r="E3" s="103"/>
      <c r="F3" s="103"/>
    </row>
    <row r="4" spans="2:6" ht="24.95" customHeight="1" x14ac:dyDescent="0.2">
      <c r="B4" s="42" t="s">
        <v>48</v>
      </c>
      <c r="C4" s="43"/>
      <c r="D4" s="39"/>
      <c r="E4" s="39"/>
      <c r="F4" s="39"/>
    </row>
    <row r="5" spans="2:6" ht="24.95" customHeight="1" x14ac:dyDescent="0.2">
      <c r="B5" s="42" t="s">
        <v>46</v>
      </c>
      <c r="C5" s="44"/>
      <c r="D5" s="39"/>
      <c r="E5" s="39"/>
      <c r="F5" s="39"/>
    </row>
    <row r="6" spans="2:6" ht="5.0999999999999996" customHeight="1" x14ac:dyDescent="0.2">
      <c r="B6" s="39"/>
      <c r="C6" s="39"/>
      <c r="D6" s="39"/>
      <c r="E6" s="39"/>
      <c r="F6" s="39"/>
    </row>
    <row r="7" spans="2:6" s="2" customFormat="1" ht="20.100000000000001" customHeight="1" x14ac:dyDescent="0.25">
      <c r="B7" s="104" t="s">
        <v>5</v>
      </c>
      <c r="C7" s="104"/>
      <c r="D7" s="104"/>
      <c r="E7" s="104"/>
      <c r="F7" s="104"/>
    </row>
    <row r="8" spans="2:6" s="2" customFormat="1" ht="20.100000000000001" customHeight="1" x14ac:dyDescent="0.25">
      <c r="B8" s="105" t="s">
        <v>9</v>
      </c>
      <c r="C8" s="105"/>
      <c r="D8" s="105"/>
      <c r="E8" s="105"/>
      <c r="F8" s="105"/>
    </row>
    <row r="9" spans="2:6" ht="28.5" customHeight="1" x14ac:dyDescent="0.2">
      <c r="B9" s="106" t="s">
        <v>61</v>
      </c>
      <c r="C9" s="106"/>
      <c r="D9" s="106"/>
      <c r="E9" s="106"/>
      <c r="F9" s="106"/>
    </row>
    <row r="10" spans="2:6" ht="4.5" customHeight="1" x14ac:dyDescent="0.2">
      <c r="B10" s="41"/>
      <c r="C10" s="41"/>
      <c r="D10" s="41"/>
      <c r="E10" s="41"/>
      <c r="F10" s="41"/>
    </row>
    <row r="11" spans="2:6" s="2" customFormat="1" ht="20.100000000000001" customHeight="1" x14ac:dyDescent="0.25">
      <c r="B11" s="107" t="s">
        <v>10</v>
      </c>
      <c r="C11" s="107"/>
      <c r="D11" s="107"/>
      <c r="E11" s="107"/>
      <c r="F11" s="107"/>
    </row>
    <row r="12" spans="2:6" s="2" customFormat="1" ht="20.100000000000001" customHeight="1" x14ac:dyDescent="0.25">
      <c r="B12" s="125" t="s">
        <v>62</v>
      </c>
      <c r="C12" s="125"/>
      <c r="D12" s="125"/>
      <c r="E12" s="46"/>
      <c r="F12" s="46"/>
    </row>
    <row r="13" spans="2:6" s="2" customFormat="1" ht="20.100000000000001" customHeight="1" x14ac:dyDescent="0.25">
      <c r="B13" s="125" t="s">
        <v>27</v>
      </c>
      <c r="C13" s="125"/>
      <c r="D13" s="125"/>
      <c r="E13" s="50"/>
      <c r="F13" s="50"/>
    </row>
    <row r="14" spans="2:6" ht="4.5" customHeight="1" x14ac:dyDescent="0.2">
      <c r="B14" s="47"/>
      <c r="C14" s="47"/>
      <c r="D14" s="47"/>
      <c r="E14" s="41"/>
      <c r="F14" s="41"/>
    </row>
    <row r="15" spans="2:6" ht="20.100000000000001" customHeight="1" x14ac:dyDescent="0.2">
      <c r="B15" s="40" t="s">
        <v>11</v>
      </c>
      <c r="C15" s="21"/>
      <c r="D15" s="21"/>
      <c r="E15" s="22"/>
      <c r="F15" s="22"/>
    </row>
    <row r="16" spans="2:6" s="3" customFormat="1" ht="24.95" customHeight="1" x14ac:dyDescent="0.25">
      <c r="B16" s="156" t="s">
        <v>58</v>
      </c>
      <c r="C16" s="156"/>
      <c r="D16" s="156"/>
      <c r="E16" s="19"/>
      <c r="F16" s="20"/>
    </row>
    <row r="17" spans="2:6" ht="5.0999999999999996" customHeight="1" x14ac:dyDescent="0.2">
      <c r="B17" s="134"/>
      <c r="C17" s="134"/>
      <c r="D17" s="134"/>
      <c r="F17" s="15"/>
    </row>
    <row r="18" spans="2:6" s="2" customFormat="1" ht="20.100000000000001" customHeight="1" x14ac:dyDescent="0.25">
      <c r="B18" s="104" t="s">
        <v>24</v>
      </c>
      <c r="C18" s="104"/>
      <c r="D18" s="104"/>
      <c r="E18" s="104"/>
      <c r="F18" s="104"/>
    </row>
    <row r="19" spans="2:6" ht="33.75" customHeight="1" x14ac:dyDescent="0.2">
      <c r="B19" s="128" t="s">
        <v>63</v>
      </c>
      <c r="C19" s="128"/>
      <c r="D19" s="128"/>
      <c r="E19" s="128"/>
      <c r="F19" s="128"/>
    </row>
    <row r="20" spans="2:6" ht="5.0999999999999996" customHeight="1" x14ac:dyDescent="0.2">
      <c r="B20" s="134"/>
      <c r="C20" s="134"/>
      <c r="D20" s="134"/>
      <c r="F20" s="15"/>
    </row>
    <row r="21" spans="2:6" s="2" customFormat="1" ht="20.100000000000001" customHeight="1" x14ac:dyDescent="0.25">
      <c r="B21" s="104" t="s">
        <v>25</v>
      </c>
      <c r="C21" s="104"/>
      <c r="D21" s="104"/>
      <c r="E21" s="104"/>
      <c r="F21" s="104"/>
    </row>
    <row r="22" spans="2:6" s="9" customFormat="1" ht="20.100000000000001" customHeight="1" x14ac:dyDescent="0.25">
      <c r="B22" s="135" t="s">
        <v>6</v>
      </c>
      <c r="C22" s="135"/>
      <c r="D22" s="135"/>
      <c r="E22" s="135"/>
      <c r="F22" s="135"/>
    </row>
    <row r="23" spans="2:6" s="9" customFormat="1" ht="20.100000000000001" customHeight="1" x14ac:dyDescent="0.25">
      <c r="B23" s="110" t="s">
        <v>18</v>
      </c>
      <c r="C23" s="111"/>
      <c r="D23" s="14"/>
      <c r="E23" s="14"/>
      <c r="F23" s="14"/>
    </row>
    <row r="24" spans="2:6" s="9" customFormat="1" ht="20.100000000000001" customHeight="1" x14ac:dyDescent="0.25">
      <c r="B24" s="13"/>
      <c r="C24" s="13" t="s">
        <v>22</v>
      </c>
      <c r="D24" s="14"/>
      <c r="E24" s="14"/>
      <c r="F24" s="14"/>
    </row>
    <row r="25" spans="2:6" s="9" customFormat="1" ht="20.100000000000001" customHeight="1" x14ac:dyDescent="0.25">
      <c r="B25" s="13"/>
      <c r="C25" s="13" t="s">
        <v>23</v>
      </c>
      <c r="D25" s="14"/>
      <c r="E25" s="14"/>
      <c r="F25" s="14"/>
    </row>
    <row r="26" spans="2:6" s="9" customFormat="1" ht="20.100000000000001" customHeight="1" x14ac:dyDescent="0.25">
      <c r="B26" s="110" t="s">
        <v>19</v>
      </c>
      <c r="C26" s="111"/>
      <c r="D26" s="14"/>
      <c r="E26" s="14"/>
      <c r="F26" s="14"/>
    </row>
    <row r="27" spans="2:6" s="9" customFormat="1" ht="31.5" customHeight="1" x14ac:dyDescent="0.25">
      <c r="B27" s="17" t="s">
        <v>20</v>
      </c>
      <c r="C27" s="108" t="s">
        <v>13</v>
      </c>
      <c r="D27" s="109"/>
      <c r="E27" s="18" t="s">
        <v>12</v>
      </c>
      <c r="F27" s="18" t="s">
        <v>14</v>
      </c>
    </row>
    <row r="28" spans="2:6" s="9" customFormat="1" ht="24.95" customHeight="1" x14ac:dyDescent="0.25">
      <c r="B28" s="48" t="s">
        <v>2</v>
      </c>
      <c r="C28" s="119" t="s">
        <v>61</v>
      </c>
      <c r="D28" s="120"/>
      <c r="E28" s="16" t="s">
        <v>1</v>
      </c>
      <c r="F28" s="49">
        <v>1</v>
      </c>
    </row>
    <row r="29" spans="2:6" s="9" customFormat="1" ht="4.5" customHeight="1" x14ac:dyDescent="0.25">
      <c r="B29" s="14"/>
      <c r="C29" s="14"/>
      <c r="D29" s="14"/>
      <c r="E29" s="14"/>
      <c r="F29" s="14"/>
    </row>
    <row r="30" spans="2:6" s="9" customFormat="1" ht="20.100000000000001" customHeight="1" x14ac:dyDescent="0.25">
      <c r="B30" s="110" t="s">
        <v>21</v>
      </c>
      <c r="C30" s="111"/>
      <c r="D30" s="14"/>
      <c r="E30" s="14"/>
      <c r="F30" s="14"/>
    </row>
    <row r="31" spans="2:6" s="9" customFormat="1" ht="20.100000000000001" customHeight="1" x14ac:dyDescent="0.2">
      <c r="B31" s="10"/>
      <c r="C31" s="9" t="s">
        <v>3</v>
      </c>
      <c r="D31" s="14"/>
      <c r="E31" s="14"/>
      <c r="F31" s="14"/>
    </row>
    <row r="32" spans="2:6" s="9" customFormat="1" ht="20.100000000000001" customHeight="1" x14ac:dyDescent="0.25">
      <c r="B32" s="13"/>
      <c r="C32" s="2" t="s">
        <v>4</v>
      </c>
      <c r="D32" s="14"/>
      <c r="E32" s="14"/>
      <c r="F32" s="14"/>
    </row>
    <row r="33" spans="2:7" ht="5.0999999999999996" customHeight="1" x14ac:dyDescent="0.2"/>
    <row r="34" spans="2:7" s="2" customFormat="1" ht="20.100000000000001" customHeight="1" x14ac:dyDescent="0.25">
      <c r="B34" s="104" t="s">
        <v>26</v>
      </c>
      <c r="C34" s="104"/>
      <c r="D34" s="104"/>
      <c r="E34" s="104"/>
      <c r="F34" s="104"/>
    </row>
    <row r="35" spans="2:7" s="2" customFormat="1" ht="5.0999999999999996" customHeight="1" thickBot="1" x14ac:dyDescent="0.3">
      <c r="B35" s="15"/>
      <c r="D35" s="6"/>
      <c r="E35" s="6"/>
      <c r="F35" s="6"/>
    </row>
    <row r="36" spans="2:7" s="3" customFormat="1" ht="93" customHeight="1" x14ac:dyDescent="0.25">
      <c r="B36" s="121" t="s">
        <v>0</v>
      </c>
      <c r="C36" s="122"/>
      <c r="D36" s="129" t="s">
        <v>72</v>
      </c>
      <c r="E36" s="130"/>
      <c r="F36" s="131"/>
      <c r="G36" s="23"/>
    </row>
    <row r="37" spans="2:7" s="3" customFormat="1" ht="30" customHeight="1" thickBot="1" x14ac:dyDescent="0.3">
      <c r="B37" s="123"/>
      <c r="C37" s="124"/>
      <c r="D37" s="68" t="s">
        <v>28</v>
      </c>
      <c r="E37" s="132" t="s">
        <v>29</v>
      </c>
      <c r="F37" s="133"/>
    </row>
    <row r="38" spans="2:7" s="25" customFormat="1" ht="30.75" customHeight="1" x14ac:dyDescent="0.25">
      <c r="B38" s="114" t="s">
        <v>64</v>
      </c>
      <c r="C38" s="115"/>
      <c r="D38" s="115"/>
      <c r="E38" s="115"/>
      <c r="F38" s="116"/>
    </row>
    <row r="39" spans="2:7" s="4" customFormat="1" ht="46.5" customHeight="1" x14ac:dyDescent="0.25">
      <c r="B39" s="58" t="s">
        <v>16</v>
      </c>
      <c r="C39" s="59" t="s">
        <v>65</v>
      </c>
      <c r="D39" s="52"/>
      <c r="E39" s="117"/>
      <c r="F39" s="118"/>
    </row>
    <row r="40" spans="2:7" s="4" customFormat="1" ht="40.5" customHeight="1" x14ac:dyDescent="0.25">
      <c r="B40" s="58" t="s">
        <v>54</v>
      </c>
      <c r="C40" s="59" t="s">
        <v>66</v>
      </c>
      <c r="D40" s="52"/>
      <c r="E40" s="117"/>
      <c r="F40" s="118"/>
    </row>
    <row r="41" spans="2:7" s="4" customFormat="1" ht="30" customHeight="1" x14ac:dyDescent="0.25">
      <c r="B41" s="58" t="s">
        <v>55</v>
      </c>
      <c r="C41" s="59" t="s">
        <v>67</v>
      </c>
      <c r="D41" s="52"/>
      <c r="E41" s="126"/>
      <c r="F41" s="127"/>
    </row>
    <row r="42" spans="2:7" s="4" customFormat="1" ht="30" customHeight="1" x14ac:dyDescent="0.25">
      <c r="B42" s="58" t="s">
        <v>56</v>
      </c>
      <c r="C42" s="59" t="s">
        <v>68</v>
      </c>
      <c r="D42" s="52"/>
      <c r="E42" s="126"/>
      <c r="F42" s="127"/>
    </row>
    <row r="43" spans="2:7" s="4" customFormat="1" ht="30" customHeight="1" thickBot="1" x14ac:dyDescent="0.3">
      <c r="B43" s="61" t="s">
        <v>57</v>
      </c>
      <c r="C43" s="62" t="s">
        <v>69</v>
      </c>
      <c r="D43" s="53"/>
      <c r="E43" s="112"/>
      <c r="F43" s="113"/>
    </row>
    <row r="44" spans="2:7" s="3" customFormat="1" ht="5.0999999999999996" customHeight="1" x14ac:dyDescent="0.25">
      <c r="B44" s="5"/>
      <c r="C44" s="5"/>
      <c r="D44" s="7"/>
      <c r="E44" s="7"/>
      <c r="F44" s="26"/>
    </row>
    <row r="45" spans="2:7" s="2" customFormat="1" ht="20.100000000000001" customHeight="1" x14ac:dyDescent="0.25">
      <c r="B45" s="104" t="s">
        <v>44</v>
      </c>
      <c r="C45" s="104"/>
      <c r="D45" s="104"/>
      <c r="E45" s="104"/>
      <c r="F45" s="104"/>
    </row>
    <row r="46" spans="2:7" s="2" customFormat="1" ht="5.0999999999999996" customHeight="1" thickBot="1" x14ac:dyDescent="0.3">
      <c r="B46" s="15"/>
      <c r="D46" s="6"/>
      <c r="E46" s="6"/>
      <c r="F46" s="6"/>
    </row>
    <row r="47" spans="2:7" s="3" customFormat="1" ht="69" customHeight="1" x14ac:dyDescent="0.25">
      <c r="B47" s="121" t="s">
        <v>8</v>
      </c>
      <c r="C47" s="122"/>
      <c r="D47" s="129" t="s">
        <v>73</v>
      </c>
      <c r="E47" s="130"/>
      <c r="F47" s="131"/>
    </row>
    <row r="48" spans="2:7" s="3" customFormat="1" ht="30" customHeight="1" thickBot="1" x14ac:dyDescent="0.3">
      <c r="B48" s="123"/>
      <c r="C48" s="124"/>
      <c r="D48" s="68" t="s">
        <v>7</v>
      </c>
      <c r="E48" s="154" t="s">
        <v>30</v>
      </c>
      <c r="F48" s="155"/>
    </row>
    <row r="49" spans="2:6" s="3" customFormat="1" ht="30" customHeight="1" x14ac:dyDescent="0.25">
      <c r="B49" s="100" t="s">
        <v>64</v>
      </c>
      <c r="C49" s="101"/>
      <c r="D49" s="101"/>
      <c r="E49" s="101"/>
      <c r="F49" s="102"/>
    </row>
    <row r="50" spans="2:6" s="2" customFormat="1" x14ac:dyDescent="0.25">
      <c r="B50" s="80" t="s">
        <v>16</v>
      </c>
      <c r="C50" s="27" t="s">
        <v>78</v>
      </c>
      <c r="D50" s="52"/>
      <c r="E50" s="92"/>
      <c r="F50" s="93"/>
    </row>
    <row r="51" spans="2:6" s="2" customFormat="1" x14ac:dyDescent="0.25">
      <c r="B51" s="81" t="s">
        <v>54</v>
      </c>
      <c r="C51" s="27" t="s">
        <v>79</v>
      </c>
      <c r="D51" s="52"/>
      <c r="E51" s="92"/>
      <c r="F51" s="93"/>
    </row>
    <row r="52" spans="2:6" s="2" customFormat="1" ht="25.5" x14ac:dyDescent="0.25">
      <c r="B52" s="82" t="s">
        <v>80</v>
      </c>
      <c r="C52" s="27" t="s">
        <v>81</v>
      </c>
      <c r="D52" s="52"/>
      <c r="E52" s="92"/>
      <c r="F52" s="93"/>
    </row>
    <row r="53" spans="2:6" s="2" customFormat="1" x14ac:dyDescent="0.25">
      <c r="B53" s="83" t="s">
        <v>82</v>
      </c>
      <c r="C53" s="27" t="s">
        <v>83</v>
      </c>
      <c r="D53" s="52"/>
      <c r="E53" s="92"/>
      <c r="F53" s="93"/>
    </row>
    <row r="54" spans="2:6" s="2" customFormat="1" x14ac:dyDescent="0.25">
      <c r="B54" s="83" t="s">
        <v>84</v>
      </c>
      <c r="C54" s="27" t="s">
        <v>85</v>
      </c>
      <c r="D54" s="52"/>
      <c r="E54" s="92"/>
      <c r="F54" s="93"/>
    </row>
    <row r="55" spans="2:6" s="2" customFormat="1" ht="51" x14ac:dyDescent="0.25">
      <c r="B55" s="83" t="s">
        <v>86</v>
      </c>
      <c r="C55" s="27" t="s">
        <v>87</v>
      </c>
      <c r="D55" s="52"/>
      <c r="E55" s="92"/>
      <c r="F55" s="93"/>
    </row>
    <row r="56" spans="2:6" s="2" customFormat="1" ht="38.25" x14ac:dyDescent="0.25">
      <c r="B56" s="83" t="s">
        <v>88</v>
      </c>
      <c r="C56" s="27" t="s">
        <v>89</v>
      </c>
      <c r="D56" s="52"/>
      <c r="E56" s="92"/>
      <c r="F56" s="93"/>
    </row>
    <row r="57" spans="2:6" s="2" customFormat="1" ht="127.5" x14ac:dyDescent="0.25">
      <c r="B57" s="84" t="s">
        <v>90</v>
      </c>
      <c r="C57" s="27" t="s">
        <v>91</v>
      </c>
      <c r="D57" s="52"/>
      <c r="E57" s="92"/>
      <c r="F57" s="93"/>
    </row>
    <row r="58" spans="2:6" s="2" customFormat="1" ht="63.75" x14ac:dyDescent="0.25">
      <c r="B58" s="63" t="s">
        <v>55</v>
      </c>
      <c r="C58" s="27" t="s">
        <v>92</v>
      </c>
      <c r="D58" s="52"/>
      <c r="E58" s="92"/>
      <c r="F58" s="93"/>
    </row>
    <row r="59" spans="2:6" s="2" customFormat="1" ht="102" x14ac:dyDescent="0.25">
      <c r="B59" s="51" t="s">
        <v>56</v>
      </c>
      <c r="C59" s="27" t="s">
        <v>93</v>
      </c>
      <c r="D59" s="52"/>
      <c r="E59" s="92"/>
      <c r="F59" s="93"/>
    </row>
    <row r="60" spans="2:6" s="2" customFormat="1" ht="102" x14ac:dyDescent="0.25">
      <c r="B60" s="63" t="s">
        <v>57</v>
      </c>
      <c r="C60" s="27" t="s">
        <v>94</v>
      </c>
      <c r="D60" s="52"/>
      <c r="E60" s="92"/>
      <c r="F60" s="93"/>
    </row>
    <row r="61" spans="2:6" s="2" customFormat="1" ht="63.75" x14ac:dyDescent="0.25">
      <c r="B61" s="63" t="s">
        <v>95</v>
      </c>
      <c r="C61" s="27" t="s">
        <v>96</v>
      </c>
      <c r="D61" s="52"/>
      <c r="E61" s="92"/>
      <c r="F61" s="93"/>
    </row>
    <row r="62" spans="2:6" s="2" customFormat="1" ht="76.5" x14ac:dyDescent="0.25">
      <c r="B62" s="63" t="s">
        <v>97</v>
      </c>
      <c r="C62" s="27" t="s">
        <v>98</v>
      </c>
      <c r="D62" s="52"/>
      <c r="E62" s="92"/>
      <c r="F62" s="93"/>
    </row>
    <row r="63" spans="2:6" s="2" customFormat="1" ht="76.5" x14ac:dyDescent="0.25">
      <c r="B63" s="51" t="s">
        <v>99</v>
      </c>
      <c r="C63" s="27" t="s">
        <v>100</v>
      </c>
      <c r="D63" s="52"/>
      <c r="E63" s="92"/>
      <c r="F63" s="93"/>
    </row>
    <row r="64" spans="2:6" s="2" customFormat="1" ht="89.25" x14ac:dyDescent="0.25">
      <c r="B64" s="85" t="s">
        <v>101</v>
      </c>
      <c r="C64" s="27" t="s">
        <v>102</v>
      </c>
      <c r="D64" s="52"/>
      <c r="E64" s="92"/>
      <c r="F64" s="93"/>
    </row>
    <row r="65" spans="2:6" s="2" customFormat="1" ht="25.5" x14ac:dyDescent="0.25">
      <c r="B65" s="86" t="s">
        <v>103</v>
      </c>
      <c r="C65" s="27" t="s">
        <v>104</v>
      </c>
      <c r="D65" s="52"/>
      <c r="E65" s="92"/>
      <c r="F65" s="93"/>
    </row>
    <row r="66" spans="2:6" s="2" customFormat="1" ht="38.25" x14ac:dyDescent="0.25">
      <c r="B66" s="86" t="s">
        <v>105</v>
      </c>
      <c r="C66" s="27" t="s">
        <v>106</v>
      </c>
      <c r="D66" s="52"/>
      <c r="E66" s="92"/>
      <c r="F66" s="93"/>
    </row>
    <row r="67" spans="2:6" s="2" customFormat="1" ht="38.25" x14ac:dyDescent="0.25">
      <c r="B67" s="86" t="s">
        <v>107</v>
      </c>
      <c r="C67" s="27" t="s">
        <v>108</v>
      </c>
      <c r="D67" s="52"/>
      <c r="E67" s="92"/>
      <c r="F67" s="93"/>
    </row>
    <row r="68" spans="2:6" s="2" customFormat="1" ht="38.25" x14ac:dyDescent="0.25">
      <c r="B68" s="86" t="s">
        <v>109</v>
      </c>
      <c r="C68" s="27" t="s">
        <v>110</v>
      </c>
      <c r="D68" s="52"/>
      <c r="E68" s="92"/>
      <c r="F68" s="93"/>
    </row>
    <row r="69" spans="2:6" s="2" customFormat="1" ht="25.5" x14ac:dyDescent="0.25">
      <c r="B69" s="86" t="s">
        <v>111</v>
      </c>
      <c r="C69" s="27" t="s">
        <v>112</v>
      </c>
      <c r="D69" s="52"/>
      <c r="E69" s="92"/>
      <c r="F69" s="93"/>
    </row>
    <row r="70" spans="2:6" s="2" customFormat="1" ht="63.75" x14ac:dyDescent="0.25">
      <c r="B70" s="86" t="s">
        <v>113</v>
      </c>
      <c r="C70" s="27" t="s">
        <v>114</v>
      </c>
      <c r="D70" s="52"/>
      <c r="E70" s="92"/>
      <c r="F70" s="93"/>
    </row>
    <row r="71" spans="2:6" s="2" customFormat="1" ht="25.5" x14ac:dyDescent="0.25">
      <c r="B71" s="86" t="s">
        <v>115</v>
      </c>
      <c r="C71" s="27" t="s">
        <v>116</v>
      </c>
      <c r="D71" s="52"/>
      <c r="E71" s="92"/>
      <c r="F71" s="93"/>
    </row>
    <row r="72" spans="2:6" s="2" customFormat="1" ht="25.5" x14ac:dyDescent="0.25">
      <c r="B72" s="86" t="s">
        <v>117</v>
      </c>
      <c r="C72" s="27" t="s">
        <v>118</v>
      </c>
      <c r="D72" s="52"/>
      <c r="E72" s="92"/>
      <c r="F72" s="93"/>
    </row>
    <row r="73" spans="2:6" s="2" customFormat="1" ht="38.25" x14ac:dyDescent="0.25">
      <c r="B73" s="86" t="s">
        <v>119</v>
      </c>
      <c r="C73" s="27" t="s">
        <v>120</v>
      </c>
      <c r="D73" s="52"/>
      <c r="E73" s="92"/>
      <c r="F73" s="93"/>
    </row>
    <row r="74" spans="2:6" s="2" customFormat="1" ht="51" x14ac:dyDescent="0.25">
      <c r="B74" s="86" t="s">
        <v>121</v>
      </c>
      <c r="C74" s="27" t="s">
        <v>122</v>
      </c>
      <c r="D74" s="52"/>
      <c r="E74" s="92"/>
      <c r="F74" s="93"/>
    </row>
    <row r="75" spans="2:6" s="2" customFormat="1" ht="51" x14ac:dyDescent="0.25">
      <c r="B75" s="87" t="s">
        <v>123</v>
      </c>
      <c r="C75" s="27" t="s">
        <v>124</v>
      </c>
      <c r="D75" s="52"/>
      <c r="E75" s="92"/>
      <c r="F75" s="93"/>
    </row>
    <row r="76" spans="2:6" s="2" customFormat="1" ht="76.5" x14ac:dyDescent="0.25">
      <c r="B76" s="87" t="s">
        <v>125</v>
      </c>
      <c r="C76" s="27" t="s">
        <v>126</v>
      </c>
      <c r="D76" s="52"/>
      <c r="E76" s="92"/>
      <c r="F76" s="93"/>
    </row>
    <row r="77" spans="2:6" s="2" customFormat="1" ht="25.5" x14ac:dyDescent="0.25">
      <c r="B77" s="85" t="s">
        <v>127</v>
      </c>
      <c r="C77" s="27" t="s">
        <v>128</v>
      </c>
      <c r="D77" s="52"/>
      <c r="E77" s="92"/>
      <c r="F77" s="93"/>
    </row>
    <row r="78" spans="2:6" s="2" customFormat="1" ht="25.5" x14ac:dyDescent="0.25">
      <c r="B78" s="86" t="s">
        <v>129</v>
      </c>
      <c r="C78" s="27" t="s">
        <v>130</v>
      </c>
      <c r="D78" s="52"/>
      <c r="E78" s="92"/>
      <c r="F78" s="93"/>
    </row>
    <row r="79" spans="2:6" s="2" customFormat="1" ht="51" x14ac:dyDescent="0.25">
      <c r="B79" s="86" t="s">
        <v>131</v>
      </c>
      <c r="C79" s="27" t="s">
        <v>132</v>
      </c>
      <c r="D79" s="52"/>
      <c r="E79" s="92"/>
      <c r="F79" s="93"/>
    </row>
    <row r="80" spans="2:6" s="2" customFormat="1" ht="63.75" x14ac:dyDescent="0.25">
      <c r="B80" s="88" t="s">
        <v>133</v>
      </c>
      <c r="C80" s="27" t="s">
        <v>134</v>
      </c>
      <c r="D80" s="52"/>
      <c r="E80" s="92"/>
      <c r="F80" s="93"/>
    </row>
    <row r="81" spans="2:7" s="2" customFormat="1" ht="51" x14ac:dyDescent="0.25">
      <c r="B81" s="86" t="s">
        <v>135</v>
      </c>
      <c r="C81" s="27" t="s">
        <v>136</v>
      </c>
      <c r="D81" s="52"/>
      <c r="E81" s="92"/>
      <c r="F81" s="93"/>
    </row>
    <row r="82" spans="2:7" s="2" customFormat="1" ht="38.25" x14ac:dyDescent="0.25">
      <c r="B82" s="89" t="s">
        <v>137</v>
      </c>
      <c r="C82" s="27" t="s">
        <v>138</v>
      </c>
      <c r="D82" s="52"/>
      <c r="E82" s="92"/>
      <c r="F82" s="93"/>
    </row>
    <row r="83" spans="2:7" s="2" customFormat="1" ht="114.75" x14ac:dyDescent="0.25">
      <c r="B83" s="51" t="s">
        <v>139</v>
      </c>
      <c r="C83" s="27" t="s">
        <v>140</v>
      </c>
      <c r="D83" s="52"/>
      <c r="E83" s="92"/>
      <c r="F83" s="93"/>
    </row>
    <row r="84" spans="2:7" s="2" customFormat="1" ht="102" x14ac:dyDescent="0.25">
      <c r="B84" s="51" t="s">
        <v>141</v>
      </c>
      <c r="C84" s="27" t="s">
        <v>142</v>
      </c>
      <c r="D84" s="52"/>
      <c r="E84" s="92"/>
      <c r="F84" s="93"/>
    </row>
    <row r="85" spans="2:7" s="2" customFormat="1" ht="63.75" x14ac:dyDescent="0.25">
      <c r="B85" s="51" t="s">
        <v>143</v>
      </c>
      <c r="C85" s="27" t="s">
        <v>144</v>
      </c>
      <c r="D85" s="52"/>
      <c r="E85" s="92"/>
      <c r="F85" s="93"/>
    </row>
    <row r="86" spans="2:7" s="2" customFormat="1" ht="89.25" x14ac:dyDescent="0.25">
      <c r="B86" s="51" t="s">
        <v>145</v>
      </c>
      <c r="C86" s="27" t="s">
        <v>146</v>
      </c>
      <c r="D86" s="52"/>
      <c r="E86" s="92"/>
      <c r="F86" s="93"/>
    </row>
    <row r="87" spans="2:7" s="2" customFormat="1" ht="89.25" x14ac:dyDescent="0.25">
      <c r="B87" s="51" t="s">
        <v>147</v>
      </c>
      <c r="C87" s="27" t="s">
        <v>148</v>
      </c>
      <c r="D87" s="52"/>
      <c r="E87" s="92"/>
      <c r="F87" s="93"/>
    </row>
    <row r="88" spans="2:7" s="2" customFormat="1" ht="76.5" x14ac:dyDescent="0.25">
      <c r="B88" s="51" t="s">
        <v>149</v>
      </c>
      <c r="C88" s="27" t="s">
        <v>150</v>
      </c>
      <c r="D88" s="52"/>
      <c r="E88" s="92"/>
      <c r="F88" s="93"/>
    </row>
    <row r="89" spans="2:7" s="2" customFormat="1" ht="178.5" x14ac:dyDescent="0.25">
      <c r="B89" s="51" t="s">
        <v>151</v>
      </c>
      <c r="C89" s="27" t="s">
        <v>152</v>
      </c>
      <c r="D89" s="52"/>
      <c r="E89" s="92"/>
      <c r="F89" s="93"/>
    </row>
    <row r="90" spans="2:7" s="2" customFormat="1" ht="114.75" x14ac:dyDescent="0.25">
      <c r="B90" s="90" t="s">
        <v>153</v>
      </c>
      <c r="C90" s="27" t="s">
        <v>154</v>
      </c>
      <c r="D90" s="52"/>
      <c r="E90" s="92"/>
      <c r="F90" s="93"/>
    </row>
    <row r="91" spans="2:7" s="2" customFormat="1" ht="63.75" x14ac:dyDescent="0.25">
      <c r="B91" s="90" t="s">
        <v>155</v>
      </c>
      <c r="C91" s="27" t="s">
        <v>156</v>
      </c>
      <c r="D91" s="52"/>
      <c r="E91" s="92"/>
      <c r="F91" s="93"/>
    </row>
    <row r="92" spans="2:7" s="2" customFormat="1" ht="39" thickBot="1" x14ac:dyDescent="0.3">
      <c r="B92" s="56" t="s">
        <v>157</v>
      </c>
      <c r="C92" s="45" t="s">
        <v>158</v>
      </c>
      <c r="D92" s="53"/>
      <c r="E92" s="157"/>
      <c r="F92" s="158"/>
    </row>
    <row r="93" spans="2:7" s="3" customFormat="1" ht="5.0999999999999996" customHeight="1" x14ac:dyDescent="0.25">
      <c r="B93" s="5"/>
      <c r="C93" s="5"/>
      <c r="D93" s="7"/>
      <c r="E93" s="7"/>
      <c r="F93" s="26"/>
      <c r="G93" s="2"/>
    </row>
    <row r="94" spans="2:7" s="2" customFormat="1" ht="20.100000000000001" customHeight="1" x14ac:dyDescent="0.25">
      <c r="B94" s="104" t="s">
        <v>50</v>
      </c>
      <c r="C94" s="104"/>
      <c r="D94" s="104"/>
      <c r="E94" s="104"/>
      <c r="F94" s="104"/>
    </row>
    <row r="95" spans="2:7" s="2" customFormat="1" ht="4.5" customHeight="1" thickBot="1" x14ac:dyDescent="0.3"/>
    <row r="96" spans="2:7" s="2" customFormat="1" ht="80.25" customHeight="1" x14ac:dyDescent="0.25">
      <c r="B96" s="141" t="s">
        <v>51</v>
      </c>
      <c r="C96" s="142"/>
      <c r="D96" s="145" t="s">
        <v>52</v>
      </c>
      <c r="E96" s="146"/>
      <c r="F96" s="147"/>
    </row>
    <row r="97" spans="2:7" s="3" customFormat="1" ht="29.25" customHeight="1" thickBot="1" x14ac:dyDescent="0.3">
      <c r="B97" s="143"/>
      <c r="C97" s="144"/>
      <c r="D97" s="24" t="s">
        <v>7</v>
      </c>
      <c r="E97" s="148" t="s">
        <v>30</v>
      </c>
      <c r="F97" s="149"/>
      <c r="G97" s="2"/>
    </row>
    <row r="98" spans="2:7" s="3" customFormat="1" ht="27" customHeight="1" x14ac:dyDescent="0.25">
      <c r="B98" s="54" t="s">
        <v>16</v>
      </c>
      <c r="C98" s="60" t="s">
        <v>59</v>
      </c>
      <c r="D98" s="55"/>
      <c r="E98" s="152"/>
      <c r="F98" s="153"/>
      <c r="G98" s="2"/>
    </row>
    <row r="99" spans="2:7" s="3" customFormat="1" ht="31.5" customHeight="1" x14ac:dyDescent="0.25">
      <c r="B99" s="63" t="s">
        <v>54</v>
      </c>
      <c r="C99" s="65" t="s">
        <v>70</v>
      </c>
      <c r="D99" s="64"/>
      <c r="E99" s="94"/>
      <c r="F99" s="95"/>
      <c r="G99" s="2"/>
    </row>
    <row r="100" spans="2:7" s="3" customFormat="1" ht="27" customHeight="1" x14ac:dyDescent="0.25">
      <c r="B100" s="63" t="s">
        <v>55</v>
      </c>
      <c r="C100" s="67" t="s">
        <v>53</v>
      </c>
      <c r="D100" s="64"/>
      <c r="E100" s="94"/>
      <c r="F100" s="95"/>
      <c r="G100" s="2"/>
    </row>
    <row r="101" spans="2:7" s="3" customFormat="1" ht="58.5" customHeight="1" thickBot="1" x14ac:dyDescent="0.3">
      <c r="B101" s="56" t="s">
        <v>56</v>
      </c>
      <c r="C101" s="66" t="s">
        <v>71</v>
      </c>
      <c r="D101" s="57"/>
      <c r="E101" s="139"/>
      <c r="F101" s="140"/>
      <c r="G101" s="2"/>
    </row>
    <row r="102" spans="2:7" s="2" customFormat="1" ht="5.0999999999999996" customHeight="1" x14ac:dyDescent="0.25">
      <c r="B102" s="5"/>
      <c r="C102" s="5"/>
      <c r="D102" s="7"/>
      <c r="E102" s="7"/>
      <c r="F102" s="26"/>
    </row>
    <row r="103" spans="2:7" s="2" customFormat="1" ht="20.100000000000001" customHeight="1" x14ac:dyDescent="0.25">
      <c r="B103" s="104" t="s">
        <v>15</v>
      </c>
      <c r="C103" s="104"/>
      <c r="D103" s="104"/>
      <c r="E103" s="104"/>
      <c r="F103" s="104"/>
    </row>
    <row r="104" spans="2:7" s="3" customFormat="1" ht="30" customHeight="1" x14ac:dyDescent="0.25">
      <c r="B104" s="5" t="s">
        <v>17</v>
      </c>
      <c r="C104" s="136" t="s">
        <v>60</v>
      </c>
      <c r="D104" s="136"/>
      <c r="E104" s="136"/>
      <c r="F104" s="136"/>
      <c r="G104" s="2"/>
    </row>
    <row r="105" spans="2:7" s="3" customFormat="1" ht="30" customHeight="1" x14ac:dyDescent="0.25">
      <c r="B105" s="5" t="s">
        <v>74</v>
      </c>
      <c r="C105" s="136" t="s">
        <v>75</v>
      </c>
      <c r="D105" s="136"/>
      <c r="E105" s="136"/>
      <c r="F105" s="136"/>
      <c r="G105" s="2"/>
    </row>
    <row r="106" spans="2:7" s="29" customFormat="1" ht="30" customHeight="1" x14ac:dyDescent="0.25">
      <c r="B106" s="137" t="s">
        <v>31</v>
      </c>
      <c r="C106" s="137"/>
      <c r="D106" s="137"/>
      <c r="E106" s="137"/>
      <c r="F106" s="3"/>
      <c r="G106" s="2"/>
    </row>
    <row r="107" spans="2:7" s="2" customFormat="1" ht="24.95" customHeight="1" x14ac:dyDescent="0.25">
      <c r="B107" s="28" t="s">
        <v>32</v>
      </c>
      <c r="C107" s="98"/>
      <c r="D107" s="98"/>
      <c r="F107" s="29"/>
    </row>
    <row r="108" spans="2:7" s="2" customFormat="1" ht="24.95" customHeight="1" x14ac:dyDescent="0.25">
      <c r="B108" s="28" t="s">
        <v>33</v>
      </c>
      <c r="C108" s="98"/>
      <c r="D108" s="98"/>
      <c r="F108" s="29"/>
    </row>
    <row r="109" spans="2:7" s="2" customFormat="1" ht="24.95" customHeight="1" x14ac:dyDescent="0.25">
      <c r="B109" s="28" t="s">
        <v>34</v>
      </c>
      <c r="C109" s="98"/>
      <c r="D109" s="98"/>
      <c r="F109" s="29"/>
    </row>
    <row r="110" spans="2:7" s="3" customFormat="1" ht="24.95" customHeight="1" x14ac:dyDescent="0.25">
      <c r="B110" s="28" t="s">
        <v>35</v>
      </c>
      <c r="C110" s="98"/>
      <c r="D110" s="98"/>
      <c r="E110" s="2"/>
      <c r="F110" s="30"/>
      <c r="G110" s="2"/>
    </row>
    <row r="111" spans="2:7" s="2" customFormat="1" ht="14.25" customHeight="1" x14ac:dyDescent="0.2">
      <c r="B111" s="11"/>
      <c r="C111" s="12"/>
      <c r="D111" s="12"/>
      <c r="F111" s="31"/>
    </row>
    <row r="112" spans="2:7" s="3" customFormat="1" ht="15" customHeight="1" x14ac:dyDescent="0.25">
      <c r="B112" s="138" t="s">
        <v>36</v>
      </c>
      <c r="C112" s="138"/>
      <c r="D112" s="138"/>
      <c r="E112" s="138"/>
      <c r="F112" s="138"/>
    </row>
    <row r="113" spans="1:15" s="2" customFormat="1" ht="36.75" customHeight="1" x14ac:dyDescent="0.25">
      <c r="B113" s="99" t="s">
        <v>47</v>
      </c>
      <c r="C113" s="99"/>
      <c r="D113" s="99"/>
      <c r="E113" s="99"/>
      <c r="F113" s="99"/>
    </row>
    <row r="114" spans="1:15" s="2" customFormat="1" ht="20.100000000000001" customHeight="1" x14ac:dyDescent="0.2">
      <c r="B114" s="1"/>
      <c r="C114" s="1"/>
      <c r="D114" s="8"/>
      <c r="E114" s="8"/>
    </row>
    <row r="115" spans="1:15" s="3" customFormat="1" ht="4.5" customHeight="1" x14ac:dyDescent="0.2">
      <c r="B115" s="1"/>
      <c r="C115" s="1"/>
      <c r="D115" s="8"/>
      <c r="E115" s="8"/>
      <c r="F115" s="2"/>
    </row>
    <row r="116" spans="1:15" s="3" customFormat="1" ht="20.100000000000001" customHeight="1" x14ac:dyDescent="0.25">
      <c r="B116" s="32" t="s">
        <v>37</v>
      </c>
      <c r="C116" s="33"/>
      <c r="D116" s="34" t="s">
        <v>38</v>
      </c>
      <c r="E116" s="96"/>
      <c r="F116" s="96"/>
    </row>
    <row r="117" spans="1:15" s="3" customFormat="1" ht="20.100000000000001" customHeight="1" x14ac:dyDescent="0.25">
      <c r="B117" s="35"/>
      <c r="C117" s="35"/>
      <c r="D117" s="35"/>
      <c r="E117" s="36"/>
      <c r="F117" s="36"/>
    </row>
    <row r="118" spans="1:15" ht="20.100000000000001" customHeight="1" x14ac:dyDescent="0.2">
      <c r="B118" s="32" t="s">
        <v>39</v>
      </c>
      <c r="C118" s="33"/>
      <c r="D118" s="37" t="s">
        <v>40</v>
      </c>
      <c r="E118" s="97"/>
      <c r="F118" s="97"/>
    </row>
    <row r="119" spans="1:15" s="2" customFormat="1" ht="20.100000000000001" customHeight="1" x14ac:dyDescent="0.2">
      <c r="B119" s="1"/>
      <c r="C119" s="1"/>
      <c r="D119" s="37" t="s">
        <v>41</v>
      </c>
      <c r="E119" s="98"/>
      <c r="F119" s="98"/>
    </row>
    <row r="120" spans="1:15" s="2" customFormat="1" ht="19.5" customHeight="1" x14ac:dyDescent="0.2">
      <c r="B120" s="1"/>
      <c r="C120" s="1"/>
      <c r="D120" s="38" t="s">
        <v>42</v>
      </c>
      <c r="E120" s="1"/>
    </row>
    <row r="121" spans="1:15" s="69" customFormat="1" ht="12" x14ac:dyDescent="0.2">
      <c r="A121" s="91" t="s">
        <v>76</v>
      </c>
      <c r="B121" s="91"/>
      <c r="D121" s="70"/>
      <c r="E121" s="70"/>
      <c r="F121" s="71"/>
      <c r="G121" s="71"/>
      <c r="H121" s="71"/>
      <c r="I121" s="71"/>
      <c r="J121" s="71"/>
      <c r="K121" s="71"/>
      <c r="L121" s="71"/>
      <c r="M121" s="72"/>
      <c r="O121" s="72"/>
    </row>
    <row r="122" spans="1:15" s="79" customFormat="1" ht="15" x14ac:dyDescent="0.25">
      <c r="A122" s="73"/>
      <c r="B122" s="74" t="s">
        <v>77</v>
      </c>
      <c r="C122" s="75"/>
      <c r="D122" s="76"/>
      <c r="E122" s="76"/>
      <c r="F122" s="77"/>
      <c r="G122" s="77"/>
      <c r="H122" s="77"/>
      <c r="I122" s="77"/>
      <c r="J122" s="77"/>
      <c r="K122" s="77"/>
      <c r="L122" s="77"/>
      <c r="M122" s="78"/>
      <c r="O122" s="78"/>
    </row>
    <row r="123" spans="1:15" s="2" customFormat="1" ht="24" customHeight="1" x14ac:dyDescent="0.25"/>
    <row r="124" spans="1:15" s="2" customFormat="1" ht="24" customHeight="1" x14ac:dyDescent="0.25"/>
    <row r="125" spans="1:15" s="2" customFormat="1" ht="24" customHeight="1" x14ac:dyDescent="0.25"/>
    <row r="126" spans="1:15" s="2" customFormat="1" ht="20.100000000000001" customHeight="1" x14ac:dyDescent="0.25"/>
    <row r="127" spans="1:15" s="2" customFormat="1" ht="20.100000000000001" customHeight="1" x14ac:dyDescent="0.25"/>
    <row r="128" spans="1:15" s="2" customFormat="1" ht="50.1" customHeight="1" x14ac:dyDescent="0.25"/>
    <row r="129" spans="2:5" s="2" customFormat="1" ht="43.5" customHeight="1" x14ac:dyDescent="0.25"/>
    <row r="130" spans="2:5" ht="24.75" customHeight="1" x14ac:dyDescent="0.2">
      <c r="B130" s="2"/>
      <c r="C130" s="2"/>
      <c r="D130" s="2"/>
      <c r="E130" s="2"/>
    </row>
    <row r="131" spans="2:5" x14ac:dyDescent="0.2">
      <c r="B131" s="2"/>
      <c r="C131" s="2"/>
      <c r="D131" s="2"/>
      <c r="E131" s="2"/>
    </row>
    <row r="132" spans="2:5" ht="20.100000000000001" customHeight="1" x14ac:dyDescent="0.2"/>
    <row r="133" spans="2:5" ht="4.5" customHeight="1" x14ac:dyDescent="0.2"/>
    <row r="134" spans="2:5" ht="20.100000000000001" customHeight="1" x14ac:dyDescent="0.2"/>
    <row r="135" spans="2:5" ht="20.100000000000001" customHeight="1" x14ac:dyDescent="0.2"/>
    <row r="136" spans="2:5" ht="20.100000000000001" customHeight="1" x14ac:dyDescent="0.2"/>
  </sheetData>
  <mergeCells count="101">
    <mergeCell ref="E88:F88"/>
    <mergeCell ref="E89:F89"/>
    <mergeCell ref="E90:F90"/>
    <mergeCell ref="E91:F91"/>
    <mergeCell ref="E92:F92"/>
    <mergeCell ref="E83:F83"/>
    <mergeCell ref="E84:F84"/>
    <mergeCell ref="E85:F85"/>
    <mergeCell ref="E86:F86"/>
    <mergeCell ref="E87:F87"/>
    <mergeCell ref="E78:F78"/>
    <mergeCell ref="E79:F79"/>
    <mergeCell ref="E80:F80"/>
    <mergeCell ref="E81:F81"/>
    <mergeCell ref="E82:F82"/>
    <mergeCell ref="E73:F73"/>
    <mergeCell ref="E74:F74"/>
    <mergeCell ref="E75:F75"/>
    <mergeCell ref="E76:F76"/>
    <mergeCell ref="E77:F77"/>
    <mergeCell ref="E101:F101"/>
    <mergeCell ref="B94:F94"/>
    <mergeCell ref="B96:C97"/>
    <mergeCell ref="D96:F96"/>
    <mergeCell ref="E97:F97"/>
    <mergeCell ref="B2:F2"/>
    <mergeCell ref="B1:F1"/>
    <mergeCell ref="B23:C23"/>
    <mergeCell ref="B26:C26"/>
    <mergeCell ref="E98:F98"/>
    <mergeCell ref="E52:F52"/>
    <mergeCell ref="E53:F53"/>
    <mergeCell ref="E54:F54"/>
    <mergeCell ref="B45:F45"/>
    <mergeCell ref="B47:C48"/>
    <mergeCell ref="D47:F47"/>
    <mergeCell ref="E48:F48"/>
    <mergeCell ref="B21:F21"/>
    <mergeCell ref="B16:D16"/>
    <mergeCell ref="B17:D17"/>
    <mergeCell ref="B18:F18"/>
    <mergeCell ref="B12:D12"/>
    <mergeCell ref="E50:F50"/>
    <mergeCell ref="E40:F40"/>
    <mergeCell ref="B3:F3"/>
    <mergeCell ref="B7:F7"/>
    <mergeCell ref="B8:F8"/>
    <mergeCell ref="B9:F9"/>
    <mergeCell ref="B11:F11"/>
    <mergeCell ref="C27:D27"/>
    <mergeCell ref="B30:C30"/>
    <mergeCell ref="E43:F43"/>
    <mergeCell ref="E58:F58"/>
    <mergeCell ref="B38:F38"/>
    <mergeCell ref="E39:F39"/>
    <mergeCell ref="C28:D28"/>
    <mergeCell ref="B34:F34"/>
    <mergeCell ref="B36:C37"/>
    <mergeCell ref="B13:D13"/>
    <mergeCell ref="E41:F41"/>
    <mergeCell ref="E42:F42"/>
    <mergeCell ref="B19:F19"/>
    <mergeCell ref="D36:F36"/>
    <mergeCell ref="E37:F37"/>
    <mergeCell ref="B20:D20"/>
    <mergeCell ref="B22:F22"/>
    <mergeCell ref="B49:F49"/>
    <mergeCell ref="E66:F66"/>
    <mergeCell ref="E71:F71"/>
    <mergeCell ref="E72:F72"/>
    <mergeCell ref="E51:F51"/>
    <mergeCell ref="E55:F55"/>
    <mergeCell ref="E56:F56"/>
    <mergeCell ref="E57:F57"/>
    <mergeCell ref="E59:F59"/>
    <mergeCell ref="E60:F60"/>
    <mergeCell ref="E61:F61"/>
    <mergeCell ref="A121:B121"/>
    <mergeCell ref="E62:F62"/>
    <mergeCell ref="E63:F63"/>
    <mergeCell ref="E64:F64"/>
    <mergeCell ref="E100:F100"/>
    <mergeCell ref="E65:F65"/>
    <mergeCell ref="E99:F99"/>
    <mergeCell ref="E116:F116"/>
    <mergeCell ref="E118:F118"/>
    <mergeCell ref="E119:F119"/>
    <mergeCell ref="B113:F113"/>
    <mergeCell ref="E67:F67"/>
    <mergeCell ref="E68:F68"/>
    <mergeCell ref="E69:F69"/>
    <mergeCell ref="E70:F70"/>
    <mergeCell ref="B103:F103"/>
    <mergeCell ref="C104:F104"/>
    <mergeCell ref="B106:E106"/>
    <mergeCell ref="B112:F112"/>
    <mergeCell ref="C107:D107"/>
    <mergeCell ref="C108:D108"/>
    <mergeCell ref="C109:D109"/>
    <mergeCell ref="C110:D110"/>
    <mergeCell ref="C105:F105"/>
  </mergeCells>
  <conditionalFormatting sqref="D61:D64 D50:D54">
    <cfRule type="containsBlanks" dxfId="25" priority="97">
      <formula>LEN(TRIM(D50))=0</formula>
    </cfRule>
  </conditionalFormatting>
  <conditionalFormatting sqref="E118:F118">
    <cfRule type="containsBlanks" dxfId="24" priority="96">
      <formula>LEN(TRIM(E118))=0</formula>
    </cfRule>
  </conditionalFormatting>
  <conditionalFormatting sqref="C116">
    <cfRule type="containsBlanks" dxfId="23" priority="94">
      <formula>LEN(TRIM(C116))=0</formula>
    </cfRule>
  </conditionalFormatting>
  <conditionalFormatting sqref="E119:F119">
    <cfRule type="containsBlanks" dxfId="22" priority="95">
      <formula>LEN(TRIM(E119))=0</formula>
    </cfRule>
  </conditionalFormatting>
  <conditionalFormatting sqref="C118">
    <cfRule type="containsBlanks" dxfId="21" priority="93">
      <formula>LEN(TRIM(C118))=0</formula>
    </cfRule>
  </conditionalFormatting>
  <conditionalFormatting sqref="C4:C5">
    <cfRule type="containsBlanks" dxfId="20" priority="92">
      <formula>LEN(TRIM(C4))=0</formula>
    </cfRule>
  </conditionalFormatting>
  <conditionalFormatting sqref="D39">
    <cfRule type="containsBlanks" dxfId="19" priority="91">
      <formula>LEN(TRIM(D39))=0</formula>
    </cfRule>
  </conditionalFormatting>
  <conditionalFormatting sqref="D98">
    <cfRule type="containsBlanks" dxfId="18" priority="86">
      <formula>LEN(TRIM(D98))=0</formula>
    </cfRule>
  </conditionalFormatting>
  <conditionalFormatting sqref="C109:D109">
    <cfRule type="containsBlanks" dxfId="17" priority="82">
      <formula>LEN(TRIM(C109))=0</formula>
    </cfRule>
  </conditionalFormatting>
  <conditionalFormatting sqref="D40:D41">
    <cfRule type="containsBlanks" dxfId="16" priority="64">
      <formula>LEN(TRIM(D40))=0</formula>
    </cfRule>
  </conditionalFormatting>
  <conditionalFormatting sqref="C108:D108">
    <cfRule type="containsBlanks" dxfId="15" priority="33">
      <formula>LEN(TRIM(C108))=0</formula>
    </cfRule>
  </conditionalFormatting>
  <conditionalFormatting sqref="C107:D107">
    <cfRule type="containsBlanks" dxfId="14" priority="32">
      <formula>LEN(TRIM(C107))=0</formula>
    </cfRule>
  </conditionalFormatting>
  <conditionalFormatting sqref="C110:D110">
    <cfRule type="containsBlanks" dxfId="13" priority="31">
      <formula>LEN(TRIM(C110))=0</formula>
    </cfRule>
  </conditionalFormatting>
  <conditionalFormatting sqref="D101">
    <cfRule type="containsBlanks" dxfId="12" priority="24">
      <formula>LEN(TRIM(D101))=0</formula>
    </cfRule>
  </conditionalFormatting>
  <conditionalFormatting sqref="D60">
    <cfRule type="containsBlanks" dxfId="11" priority="23">
      <formula>LEN(TRIM(D60))=0</formula>
    </cfRule>
  </conditionalFormatting>
  <conditionalFormatting sqref="D42:D43">
    <cfRule type="containsBlanks" dxfId="10" priority="19">
      <formula>LEN(TRIM(D42))=0</formula>
    </cfRule>
  </conditionalFormatting>
  <conditionalFormatting sqref="D55:D59">
    <cfRule type="containsBlanks" dxfId="9" priority="11">
      <formula>LEN(TRIM(D55))=0</formula>
    </cfRule>
  </conditionalFormatting>
  <conditionalFormatting sqref="D65:D69">
    <cfRule type="containsBlanks" dxfId="8" priority="10">
      <formula>LEN(TRIM(D65))=0</formula>
    </cfRule>
  </conditionalFormatting>
  <conditionalFormatting sqref="D70:D72">
    <cfRule type="containsBlanks" dxfId="7" priority="8">
      <formula>LEN(TRIM(D70))=0</formula>
    </cfRule>
  </conditionalFormatting>
  <conditionalFormatting sqref="D99">
    <cfRule type="containsBlanks" dxfId="6" priority="7">
      <formula>LEN(TRIM(D99))=0</formula>
    </cfRule>
  </conditionalFormatting>
  <conditionalFormatting sqref="D100">
    <cfRule type="containsBlanks" dxfId="5" priority="6">
      <formula>LEN(TRIM(D100))=0</formula>
    </cfRule>
  </conditionalFormatting>
  <conditionalFormatting sqref="D83:D86 D73:D76">
    <cfRule type="containsBlanks" dxfId="4" priority="5">
      <formula>LEN(TRIM(D73))=0</formula>
    </cfRule>
  </conditionalFormatting>
  <conditionalFormatting sqref="D82">
    <cfRule type="containsBlanks" dxfId="3" priority="4">
      <formula>LEN(TRIM(D82))=0</formula>
    </cfRule>
  </conditionalFormatting>
  <conditionalFormatting sqref="D77:D81">
    <cfRule type="containsBlanks" dxfId="2" priority="3">
      <formula>LEN(TRIM(D77))=0</formula>
    </cfRule>
  </conditionalFormatting>
  <conditionalFormatting sqref="D87:D91">
    <cfRule type="containsBlanks" dxfId="1" priority="2">
      <formula>LEN(TRIM(D87))=0</formula>
    </cfRule>
  </conditionalFormatting>
  <conditionalFormatting sqref="D92">
    <cfRule type="containsBlanks" dxfId="0" priority="1">
      <formula>LEN(TRIM(D92))=0</formula>
    </cfRule>
  </conditionalFormatting>
  <printOptions horizontalCentered="1"/>
  <pageMargins left="0.70866141732283472" right="0.70866141732283472" top="0.9055118110236221" bottom="0.74803149606299213" header="0.31496062992125984" footer="0.31496062992125984"/>
  <pageSetup paperSize="9" scale="64" orientation="portrait" r:id="rId1"/>
  <headerFooter>
    <oddHeader>&amp;C&amp;"Arial,Normálne"&amp;16CENOVÁ PONUKA&amp;14
pre účel
prípravnej trhovej konzultácia a predbežného zapojenia záujemcov alebo uchádzačov (ďalej aj "PTK")</oddHeader>
    <oddFooter>&amp;CStrana &amp;P z &amp;N</oddFooter>
  </headerFooter>
  <rowBreaks count="1" manualBreakCount="1">
    <brk id="110" min="1" max="5" man="1"/>
  </rowBreaks>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0</xdr:row>
                    <xdr:rowOff>9525</xdr:rowOff>
                  </from>
                  <to>
                    <xdr:col>1</xdr:col>
                    <xdr:colOff>885825</xdr:colOff>
                    <xdr:row>30</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1</xdr:row>
                    <xdr:rowOff>0</xdr:rowOff>
                  </from>
                  <to>
                    <xdr:col>1</xdr:col>
                    <xdr:colOff>885825</xdr:colOff>
                    <xdr:row>31</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2-05-10T12:29:37Z</cp:lastPrinted>
  <dcterms:created xsi:type="dcterms:W3CDTF">2017-04-21T05:51:15Z</dcterms:created>
  <dcterms:modified xsi:type="dcterms:W3CDTF">2023-06-02T07:14:07Z</dcterms:modified>
</cp:coreProperties>
</file>